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externalLinks/externalLink1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sharedStrings.xml" ContentType="application/vnd.openxmlformats-officedocument.spreadsheetml.sharedStrings+xml"/>
  <Override PartName="/xl/styles.xml" ContentType="application/vnd.openxmlformats-officedocument.spreadsheetml.styles+xml"/>
  <Override PartName="/xl/theme/theme1.xml" ContentType="application/vnd.openxmlformats-officedocument.theme+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</Types>
</file>

<file path=_rels/.rels><?xml version="1.0" encoding="UTF-8"?><Relationships xmlns="http://schemas.openxmlformats.org/package/2006/relationships"><Relationship Id="rId1" Type="http://schemas.openxmlformats.org/officeDocument/2006/relationships/officeDocument" Target="xl/workbook.xml" /><Relationship Id="rId2" Type="http://schemas.openxmlformats.org/package/2006/relationships/metadata/core-properties" Target="docProps/core.xml" /><Relationship Id="rId3" Type="http://schemas.openxmlformats.org/officeDocument/2006/relationships/extended-properties" Target="docProps/app.xml" /><Relationship Id="rId4" Type="http://schemas.openxmlformats.org/officeDocument/2006/relationships/custom-properties" Target="docProps/custom.xml" /></Relationships>
</file>

<file path=xl/workbook.xml><?xml version="1.0" encoding="utf-8"?>
<workbook xmlns:r="http://schemas.openxmlformats.org/officeDocument/2006/relationships" xmlns="http://schemas.openxmlformats.org/spreadsheetml/2006/main">
  <fileVersion appName="xl" lastEdited="5" lowestEdited="5" rupBuild="9303"/>
  <workbookPr/>
  <bookViews>
    <workbookView xWindow="-120" yWindow="-120" windowWidth="29040" windowHeight="15840" tabRatio="580"/>
  </bookViews>
  <sheets>
    <sheet name="表紙" sheetId="1" r:id="rId1"/>
    <sheet name="総括" sheetId="56" r:id="rId2"/>
    <sheet name="科目 " sheetId="85" r:id="rId3"/>
    <sheet name="細目" sheetId="25" r:id="rId4"/>
  </sheets>
  <externalReferences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</externalReferences>
  <definedNames>
    <definedName name="_????">#REF!</definedName>
    <definedName name="_????_3">#REF!</definedName>
    <definedName name="_?_" localSheetId="2">#REF!</definedName>
    <definedName name="_?_" localSheetId="1">#REF!</definedName>
    <definedName name="_?_">#REF!</definedName>
    <definedName name="_?__3">#REF!</definedName>
    <definedName name="_____________DAT1" localSheetId="2">#REF!</definedName>
    <definedName name="_____________DAT1">#REF!</definedName>
    <definedName name="_____________DAT10" localSheetId="2">#REF!</definedName>
    <definedName name="_____________DAT10">#REF!</definedName>
    <definedName name="_____________DAT11" localSheetId="2">#REF!</definedName>
    <definedName name="_____________DAT11">#REF!</definedName>
    <definedName name="_____________DAT12" localSheetId="2">#REF!</definedName>
    <definedName name="_____________DAT12">#REF!</definedName>
    <definedName name="_____________DAT13" localSheetId="2">#REF!</definedName>
    <definedName name="_____________DAT13">#REF!</definedName>
    <definedName name="_____________DAT14" localSheetId="2">#REF!</definedName>
    <definedName name="_____________DAT14">#REF!</definedName>
    <definedName name="_____________DAT15" localSheetId="2">#REF!</definedName>
    <definedName name="_____________DAT15">#REF!</definedName>
    <definedName name="_____________DAT16" localSheetId="2">#REF!</definedName>
    <definedName name="_____________DAT16">#REF!</definedName>
    <definedName name="_____________DAT17" localSheetId="2">#REF!</definedName>
    <definedName name="_____________DAT17">#REF!</definedName>
    <definedName name="_____________DAT18" localSheetId="2">#REF!</definedName>
    <definedName name="_____________DAT18">#REF!</definedName>
    <definedName name="_____________DAT19" localSheetId="2">#REF!</definedName>
    <definedName name="_____________DAT19">#REF!</definedName>
    <definedName name="_____________DAT2" localSheetId="2">#REF!</definedName>
    <definedName name="_____________DAT2">#REF!</definedName>
    <definedName name="_____________DAT20" localSheetId="2">#REF!</definedName>
    <definedName name="_____________DAT20">#REF!</definedName>
    <definedName name="_____________DAT3" localSheetId="2">#REF!</definedName>
    <definedName name="_____________DAT3">#REF!</definedName>
    <definedName name="_____________DAT4" localSheetId="2">#REF!</definedName>
    <definedName name="_____________DAT4">#REF!</definedName>
    <definedName name="_____________DAT5" localSheetId="2">#REF!</definedName>
    <definedName name="_____________DAT5">#REF!</definedName>
    <definedName name="_____________DAT6" localSheetId="2">#REF!</definedName>
    <definedName name="_____________DAT6">#REF!</definedName>
    <definedName name="_____________DAT7" localSheetId="2">#REF!</definedName>
    <definedName name="_____________DAT7">#REF!</definedName>
    <definedName name="_____________DAT8" localSheetId="2">#REF!</definedName>
    <definedName name="_____________DAT8">#REF!</definedName>
    <definedName name="_____________DAT9" localSheetId="2">#REF!</definedName>
    <definedName name="_____________DAT9">#REF!</definedName>
    <definedName name="____________DAT1" localSheetId="2">#REF!</definedName>
    <definedName name="____________DAT1">#REF!</definedName>
    <definedName name="____________DAT10" localSheetId="2">#REF!</definedName>
    <definedName name="____________DAT10">#REF!</definedName>
    <definedName name="____________DAT11" localSheetId="2">#REF!</definedName>
    <definedName name="____________DAT11">#REF!</definedName>
    <definedName name="____________DAT12" localSheetId="2">#REF!</definedName>
    <definedName name="____________DAT12">#REF!</definedName>
    <definedName name="____________DAT13" localSheetId="2">#REF!</definedName>
    <definedName name="____________DAT13">#REF!</definedName>
    <definedName name="____________DAT14" localSheetId="2">#REF!</definedName>
    <definedName name="____________DAT14">#REF!</definedName>
    <definedName name="____________DAT15" localSheetId="2">#REF!</definedName>
    <definedName name="____________DAT15">#REF!</definedName>
    <definedName name="____________DAT16" localSheetId="2">#REF!</definedName>
    <definedName name="____________DAT16">#REF!</definedName>
    <definedName name="____________DAT17" localSheetId="2">#REF!</definedName>
    <definedName name="____________DAT17">#REF!</definedName>
    <definedName name="____________DAT18" localSheetId="2">#REF!</definedName>
    <definedName name="____________DAT18">#REF!</definedName>
    <definedName name="____________DAT19" localSheetId="2">#REF!</definedName>
    <definedName name="____________DAT19">#REF!</definedName>
    <definedName name="____________DAT2" localSheetId="2">#REF!</definedName>
    <definedName name="____________DAT2">#REF!</definedName>
    <definedName name="____________DAT20" localSheetId="2">#REF!</definedName>
    <definedName name="____________DAT20">#REF!</definedName>
    <definedName name="____________DAT3" localSheetId="2">#REF!</definedName>
    <definedName name="____________DAT3">#REF!</definedName>
    <definedName name="____________DAT4" localSheetId="2">#REF!</definedName>
    <definedName name="____________DAT4">#REF!</definedName>
    <definedName name="____________DAT5" localSheetId="2">#REF!</definedName>
    <definedName name="____________DAT5">#REF!</definedName>
    <definedName name="____________DAT6" localSheetId="2">#REF!</definedName>
    <definedName name="____________DAT6">#REF!</definedName>
    <definedName name="____________DAT7" localSheetId="2">#REF!</definedName>
    <definedName name="____________DAT7">#REF!</definedName>
    <definedName name="____________DAT8" localSheetId="2">#REF!</definedName>
    <definedName name="____________DAT8">#REF!</definedName>
    <definedName name="____________DAT9" localSheetId="2">#REF!</definedName>
    <definedName name="____________DAT9">#REF!</definedName>
    <definedName name="___________DAT1" localSheetId="2">#REF!</definedName>
    <definedName name="___________DAT1">#REF!</definedName>
    <definedName name="___________DAT1_1">#REF!</definedName>
    <definedName name="___________DAT10" localSheetId="2">#REF!</definedName>
    <definedName name="___________DAT10">#REF!</definedName>
    <definedName name="___________DAT10_1">#REF!</definedName>
    <definedName name="___________DAT11" localSheetId="2">#REF!</definedName>
    <definedName name="___________DAT11">#REF!</definedName>
    <definedName name="___________DAT11_1">#REF!</definedName>
    <definedName name="___________DAT12" localSheetId="2">#REF!</definedName>
    <definedName name="___________DAT12">#REF!</definedName>
    <definedName name="___________DAT12_1">#REF!</definedName>
    <definedName name="___________DAT13" localSheetId="2">#REF!</definedName>
    <definedName name="___________DAT13">#REF!</definedName>
    <definedName name="___________DAT13_1">#REF!</definedName>
    <definedName name="___________DAT14" localSheetId="2">#REF!</definedName>
    <definedName name="___________DAT14">#REF!</definedName>
    <definedName name="___________DAT14_1">#REF!</definedName>
    <definedName name="___________DAT15" localSheetId="2">#REF!</definedName>
    <definedName name="___________DAT15">#REF!</definedName>
    <definedName name="___________DAT15_1">#REF!</definedName>
    <definedName name="___________DAT16" localSheetId="2">#REF!</definedName>
    <definedName name="___________DAT16">#REF!</definedName>
    <definedName name="___________DAT16_1">#REF!</definedName>
    <definedName name="___________DAT17" localSheetId="2">#REF!</definedName>
    <definedName name="___________DAT17">#REF!</definedName>
    <definedName name="___________DAT17_1">#REF!</definedName>
    <definedName name="___________DAT18" localSheetId="2">#REF!</definedName>
    <definedName name="___________DAT18">#REF!</definedName>
    <definedName name="___________DAT18_1">#REF!</definedName>
    <definedName name="___________DAT19" localSheetId="2">#REF!</definedName>
    <definedName name="___________DAT19">#REF!</definedName>
    <definedName name="___________DAT19_1">#REF!</definedName>
    <definedName name="___________DAT2" localSheetId="2">#REF!</definedName>
    <definedName name="___________DAT2">#REF!</definedName>
    <definedName name="___________DAT2_1">#REF!</definedName>
    <definedName name="___________DAT20" localSheetId="2">#REF!</definedName>
    <definedName name="___________DAT20">#REF!</definedName>
    <definedName name="___________DAT20_1">#REF!</definedName>
    <definedName name="___________DAT3" localSheetId="2">#REF!</definedName>
    <definedName name="___________DAT3">#REF!</definedName>
    <definedName name="___________DAT3_1">#REF!</definedName>
    <definedName name="___________DAT4" localSheetId="2">#REF!</definedName>
    <definedName name="___________DAT4">#REF!</definedName>
    <definedName name="___________DAT4_1">#REF!</definedName>
    <definedName name="___________DAT5" localSheetId="2">#REF!</definedName>
    <definedName name="___________DAT5">#REF!</definedName>
    <definedName name="___________DAT5_1">#REF!</definedName>
    <definedName name="___________DAT6" localSheetId="2">#REF!</definedName>
    <definedName name="___________DAT6">#REF!</definedName>
    <definedName name="___________DAT6_1">#REF!</definedName>
    <definedName name="___________DAT7" localSheetId="2">#REF!</definedName>
    <definedName name="___________DAT7">#REF!</definedName>
    <definedName name="___________DAT7_1">#REF!</definedName>
    <definedName name="___________DAT8" localSheetId="2">#REF!</definedName>
    <definedName name="___________DAT8">#REF!</definedName>
    <definedName name="___________DAT8_1">#REF!</definedName>
    <definedName name="___________DAT9" localSheetId="2">#REF!</definedName>
    <definedName name="___________DAT9">#REF!</definedName>
    <definedName name="___________DAT9_1">#REF!</definedName>
    <definedName name="__________DAT1" localSheetId="2">#REF!</definedName>
    <definedName name="__________DAT1">#REF!</definedName>
    <definedName name="__________DAT1_1">#REF!</definedName>
    <definedName name="__________DAT10" localSheetId="2">#REF!</definedName>
    <definedName name="__________DAT10">#REF!</definedName>
    <definedName name="__________DAT10_1">#REF!</definedName>
    <definedName name="__________DAT11" localSheetId="2">#REF!</definedName>
    <definedName name="__________DAT11">#REF!</definedName>
    <definedName name="__________DAT11_1">#REF!</definedName>
    <definedName name="__________DAT12" localSheetId="2">#REF!</definedName>
    <definedName name="__________DAT12">#REF!</definedName>
    <definedName name="__________DAT12_1">#REF!</definedName>
    <definedName name="__________DAT13" localSheetId="2">#REF!</definedName>
    <definedName name="__________DAT13">#REF!</definedName>
    <definedName name="__________DAT13_1">#REF!</definedName>
    <definedName name="__________DAT14" localSheetId="2">#REF!</definedName>
    <definedName name="__________DAT14">#REF!</definedName>
    <definedName name="__________DAT14_1">#REF!</definedName>
    <definedName name="__________DAT15" localSheetId="2">#REF!</definedName>
    <definedName name="__________DAT15">#REF!</definedName>
    <definedName name="__________DAT15_1">#REF!</definedName>
    <definedName name="__________DAT16" localSheetId="2">#REF!</definedName>
    <definedName name="__________DAT16">#REF!</definedName>
    <definedName name="__________DAT16_1">#REF!</definedName>
    <definedName name="__________DAT17" localSheetId="2">#REF!</definedName>
    <definedName name="__________DAT17">#REF!</definedName>
    <definedName name="__________DAT17_1">#REF!</definedName>
    <definedName name="__________DAT18" localSheetId="2">#REF!</definedName>
    <definedName name="__________DAT18">#REF!</definedName>
    <definedName name="__________DAT18_1">#REF!</definedName>
    <definedName name="__________DAT19" localSheetId="2">#REF!</definedName>
    <definedName name="__________DAT19">#REF!</definedName>
    <definedName name="__________DAT19_1">#REF!</definedName>
    <definedName name="__________DAT2" localSheetId="2">#REF!</definedName>
    <definedName name="__________DAT2">#REF!</definedName>
    <definedName name="__________DAT2_1">#REF!</definedName>
    <definedName name="__________DAT20" localSheetId="2">#REF!</definedName>
    <definedName name="__________DAT20">#REF!</definedName>
    <definedName name="__________DAT20_1">#REF!</definedName>
    <definedName name="__________DAT3" localSheetId="2">#REF!</definedName>
    <definedName name="__________DAT3">#REF!</definedName>
    <definedName name="__________DAT3_1">#REF!</definedName>
    <definedName name="__________DAT4" localSheetId="2">#REF!</definedName>
    <definedName name="__________DAT4">#REF!</definedName>
    <definedName name="__________DAT4_1">#REF!</definedName>
    <definedName name="__________DAT5" localSheetId="2">#REF!</definedName>
    <definedName name="__________DAT5">#REF!</definedName>
    <definedName name="__________DAT5_1">#REF!</definedName>
    <definedName name="__________DAT6" localSheetId="2">#REF!</definedName>
    <definedName name="__________DAT6">#REF!</definedName>
    <definedName name="__________DAT6_1">#REF!</definedName>
    <definedName name="__________DAT7" localSheetId="2">#REF!</definedName>
    <definedName name="__________DAT7">#REF!</definedName>
    <definedName name="__________DAT7_1">#REF!</definedName>
    <definedName name="__________DAT8" localSheetId="2">#REF!</definedName>
    <definedName name="__________DAT8">#REF!</definedName>
    <definedName name="__________DAT8_1">#REF!</definedName>
    <definedName name="__________DAT9" localSheetId="2">#REF!</definedName>
    <definedName name="__________DAT9">#REF!</definedName>
    <definedName name="__________DAT9_1">#REF!</definedName>
    <definedName name="_________DAT1" localSheetId="2">#REF!</definedName>
    <definedName name="_________DAT1">#REF!</definedName>
    <definedName name="_________DAT1_1">#REF!</definedName>
    <definedName name="_________DAT10" localSheetId="2">#REF!</definedName>
    <definedName name="_________DAT10">#REF!</definedName>
    <definedName name="_________DAT10_1">#REF!</definedName>
    <definedName name="_________DAT11" localSheetId="2">#REF!</definedName>
    <definedName name="_________DAT11">#REF!</definedName>
    <definedName name="_________DAT11_1">#REF!</definedName>
    <definedName name="_________DAT12" localSheetId="2">#REF!</definedName>
    <definedName name="_________DAT12">#REF!</definedName>
    <definedName name="_________DAT12_1">#REF!</definedName>
    <definedName name="_________DAT13" localSheetId="2">#REF!</definedName>
    <definedName name="_________DAT13">#REF!</definedName>
    <definedName name="_________DAT13_1">#REF!</definedName>
    <definedName name="_________DAT14" localSheetId="2">#REF!</definedName>
    <definedName name="_________DAT14">#REF!</definedName>
    <definedName name="_________DAT14_1">#REF!</definedName>
    <definedName name="_________DAT15" localSheetId="2">#REF!</definedName>
    <definedName name="_________DAT15">#REF!</definedName>
    <definedName name="_________DAT15_1">#REF!</definedName>
    <definedName name="_________DAT16" localSheetId="2">#REF!</definedName>
    <definedName name="_________DAT16">#REF!</definedName>
    <definedName name="_________DAT16_1">#REF!</definedName>
    <definedName name="_________DAT17" localSheetId="2">#REF!</definedName>
    <definedName name="_________DAT17">#REF!</definedName>
    <definedName name="_________DAT17_1">#REF!</definedName>
    <definedName name="_________DAT18" localSheetId="2">#REF!</definedName>
    <definedName name="_________DAT18">#REF!</definedName>
    <definedName name="_________DAT18_1">#REF!</definedName>
    <definedName name="_________DAT19" localSheetId="2">#REF!</definedName>
    <definedName name="_________DAT19">#REF!</definedName>
    <definedName name="_________DAT19_1">#REF!</definedName>
    <definedName name="_________DAT2" localSheetId="2">#REF!</definedName>
    <definedName name="_________DAT2">#REF!</definedName>
    <definedName name="_________DAT2_1">#REF!</definedName>
    <definedName name="_________DAT20" localSheetId="2">#REF!</definedName>
    <definedName name="_________DAT20">#REF!</definedName>
    <definedName name="_________DAT20_1">#REF!</definedName>
    <definedName name="_________DAT3" localSheetId="2">#REF!</definedName>
    <definedName name="_________DAT3">#REF!</definedName>
    <definedName name="_________DAT3_1">#REF!</definedName>
    <definedName name="_________DAT4" localSheetId="2">#REF!</definedName>
    <definedName name="_________DAT4">#REF!</definedName>
    <definedName name="_________DAT4_1">#REF!</definedName>
    <definedName name="_________DAT5" localSheetId="2">#REF!</definedName>
    <definedName name="_________DAT5">#REF!</definedName>
    <definedName name="_________DAT5_1">#REF!</definedName>
    <definedName name="_________DAT6" localSheetId="2">#REF!</definedName>
    <definedName name="_________DAT6">#REF!</definedName>
    <definedName name="_________DAT6_1">#REF!</definedName>
    <definedName name="_________DAT7" localSheetId="2">#REF!</definedName>
    <definedName name="_________DAT7">#REF!</definedName>
    <definedName name="_________DAT7_1">#REF!</definedName>
    <definedName name="_________DAT8" localSheetId="2">#REF!</definedName>
    <definedName name="_________DAT8">#REF!</definedName>
    <definedName name="_________DAT8_1">#REF!</definedName>
    <definedName name="_________DAT9" localSheetId="2">#REF!</definedName>
    <definedName name="_________DAT9">#REF!</definedName>
    <definedName name="_________DAT9_1">#REF!</definedName>
    <definedName name="________Ａ１" localSheetId="2">#REF!</definedName>
    <definedName name="________Ａ１">#REF!</definedName>
    <definedName name="________DAT1" localSheetId="2">#REF!</definedName>
    <definedName name="________DAT1" localSheetId="1">#REF!</definedName>
    <definedName name="________DAT1">#REF!</definedName>
    <definedName name="________DAT1_1">#REF!</definedName>
    <definedName name="________DAT1_3">#REF!</definedName>
    <definedName name="________DAT10" localSheetId="2">#REF!</definedName>
    <definedName name="________DAT10" localSheetId="1">#REF!</definedName>
    <definedName name="________DAT10">#REF!</definedName>
    <definedName name="________DAT10_1">#REF!</definedName>
    <definedName name="________DAT11" localSheetId="2">#REF!</definedName>
    <definedName name="________DAT11" localSheetId="1">#REF!</definedName>
    <definedName name="________DAT11">#REF!</definedName>
    <definedName name="________DAT11_1">#REF!</definedName>
    <definedName name="________DAT12" localSheetId="2">#REF!</definedName>
    <definedName name="________DAT12" localSheetId="1">#REF!</definedName>
    <definedName name="________DAT12">#REF!</definedName>
    <definedName name="________DAT12_1">#REF!</definedName>
    <definedName name="________DAT13" localSheetId="2">#REF!</definedName>
    <definedName name="________DAT13" localSheetId="1">#REF!</definedName>
    <definedName name="________DAT13">#REF!</definedName>
    <definedName name="________DAT13_1">#REF!</definedName>
    <definedName name="________DAT14" localSheetId="2">#REF!</definedName>
    <definedName name="________DAT14" localSheetId="1">#REF!</definedName>
    <definedName name="________DAT14">#REF!</definedName>
    <definedName name="________DAT14_1">#REF!</definedName>
    <definedName name="________DAT15" localSheetId="2">#REF!</definedName>
    <definedName name="________DAT15" localSheetId="1">#REF!</definedName>
    <definedName name="________DAT15">#REF!</definedName>
    <definedName name="________DAT15_1">#REF!</definedName>
    <definedName name="________DAT16" localSheetId="2">#REF!</definedName>
    <definedName name="________DAT16" localSheetId="1">#REF!</definedName>
    <definedName name="________DAT16">#REF!</definedName>
    <definedName name="________DAT16_1">#REF!</definedName>
    <definedName name="________DAT17" localSheetId="2">#REF!</definedName>
    <definedName name="________DAT17" localSheetId="1">#REF!</definedName>
    <definedName name="________DAT17">#REF!</definedName>
    <definedName name="________DAT17_1">#REF!</definedName>
    <definedName name="________DAT18" localSheetId="2">#REF!</definedName>
    <definedName name="________DAT18" localSheetId="1">#REF!</definedName>
    <definedName name="________DAT18">#REF!</definedName>
    <definedName name="________DAT18_1">#REF!</definedName>
    <definedName name="________DAT19" localSheetId="2">#REF!</definedName>
    <definedName name="________DAT19" localSheetId="1">#REF!</definedName>
    <definedName name="________DAT19">#REF!</definedName>
    <definedName name="________DAT19_1">#REF!</definedName>
    <definedName name="________DAT2" localSheetId="2">#REF!</definedName>
    <definedName name="________DAT2" localSheetId="1">#REF!</definedName>
    <definedName name="________DAT2">#REF!</definedName>
    <definedName name="________DAT2_1">#REF!</definedName>
    <definedName name="________DAT20" localSheetId="2">#REF!</definedName>
    <definedName name="________DAT20" localSheetId="1">#REF!</definedName>
    <definedName name="________DAT20">#REF!</definedName>
    <definedName name="________DAT20_1">#REF!</definedName>
    <definedName name="________DAT3" localSheetId="2">#REF!</definedName>
    <definedName name="________DAT3" localSheetId="1">#REF!</definedName>
    <definedName name="________DAT3">#REF!</definedName>
    <definedName name="________DAT3_1">#REF!</definedName>
    <definedName name="________DAT4" localSheetId="2">#REF!</definedName>
    <definedName name="________DAT4" localSheetId="1">#REF!</definedName>
    <definedName name="________DAT4">#REF!</definedName>
    <definedName name="________DAT4_1">#REF!</definedName>
    <definedName name="________DAT5" localSheetId="2">#REF!</definedName>
    <definedName name="________DAT5" localSheetId="1">#REF!</definedName>
    <definedName name="________DAT5">#REF!</definedName>
    <definedName name="________DAT5_1">#REF!</definedName>
    <definedName name="________DAT6" localSheetId="2">#REF!</definedName>
    <definedName name="________DAT6" localSheetId="1">#REF!</definedName>
    <definedName name="________DAT6">#REF!</definedName>
    <definedName name="________DAT6_1">#REF!</definedName>
    <definedName name="________DAT7" localSheetId="2">#REF!</definedName>
    <definedName name="________DAT7" localSheetId="1">#REF!</definedName>
    <definedName name="________DAT7">#REF!</definedName>
    <definedName name="________DAT7_1">#REF!</definedName>
    <definedName name="________DAT8" localSheetId="2">#REF!</definedName>
    <definedName name="________DAT8" localSheetId="1">#REF!</definedName>
    <definedName name="________DAT8">#REF!</definedName>
    <definedName name="________DAT8_1">#REF!</definedName>
    <definedName name="________DAT9" localSheetId="2">#REF!</definedName>
    <definedName name="________DAT9" localSheetId="1">#REF!</definedName>
    <definedName name="________DAT9">#REF!</definedName>
    <definedName name="________DAT9_1">#REF!</definedName>
    <definedName name="_______Ａ１" localSheetId="2">#REF!</definedName>
    <definedName name="_______Ａ１">#REF!</definedName>
    <definedName name="_______DAT1" localSheetId="2">#REF!</definedName>
    <definedName name="_______DAT1" localSheetId="1">#REF!</definedName>
    <definedName name="_______DAT1">#REF!</definedName>
    <definedName name="_______DAT1_1">#REF!</definedName>
    <definedName name="_______DAT10" localSheetId="2">#REF!</definedName>
    <definedName name="_______DAT10" localSheetId="1">#REF!</definedName>
    <definedName name="_______DAT10">#REF!</definedName>
    <definedName name="_______DAT10_1">#REF!</definedName>
    <definedName name="_______DAT11" localSheetId="2">#REF!</definedName>
    <definedName name="_______DAT11" localSheetId="1">#REF!</definedName>
    <definedName name="_______DAT11">#REF!</definedName>
    <definedName name="_______DAT11_1">#REF!</definedName>
    <definedName name="_______DAT12" localSheetId="2">#REF!</definedName>
    <definedName name="_______DAT12" localSheetId="1">#REF!</definedName>
    <definedName name="_______DAT12">#REF!</definedName>
    <definedName name="_______DAT12_1">#REF!</definedName>
    <definedName name="_______DAT13" localSheetId="2">#REF!</definedName>
    <definedName name="_______DAT13" localSheetId="1">#REF!</definedName>
    <definedName name="_______DAT13">#REF!</definedName>
    <definedName name="_______DAT13_1">#REF!</definedName>
    <definedName name="_______DAT14" localSheetId="2">#REF!</definedName>
    <definedName name="_______DAT14" localSheetId="1">#REF!</definedName>
    <definedName name="_______DAT14">#REF!</definedName>
    <definedName name="_______DAT14_1">#REF!</definedName>
    <definedName name="_______DAT15" localSheetId="2">#REF!</definedName>
    <definedName name="_______DAT15" localSheetId="1">#REF!</definedName>
    <definedName name="_______DAT15">#REF!</definedName>
    <definedName name="_______DAT15_1">#REF!</definedName>
    <definedName name="_______DAT16" localSheetId="2">#REF!</definedName>
    <definedName name="_______DAT16" localSheetId="1">#REF!</definedName>
    <definedName name="_______DAT16">#REF!</definedName>
    <definedName name="_______DAT16_1">#REF!</definedName>
    <definedName name="_______DAT17" localSheetId="2">#REF!</definedName>
    <definedName name="_______DAT17" localSheetId="1">#REF!</definedName>
    <definedName name="_______DAT17">#REF!</definedName>
    <definedName name="_______DAT17_1">#REF!</definedName>
    <definedName name="_______DAT18" localSheetId="2">#REF!</definedName>
    <definedName name="_______DAT18" localSheetId="1">#REF!</definedName>
    <definedName name="_______DAT18">#REF!</definedName>
    <definedName name="_______DAT18_1">#REF!</definedName>
    <definedName name="_______DAT19" localSheetId="2">#REF!</definedName>
    <definedName name="_______DAT19" localSheetId="1">#REF!</definedName>
    <definedName name="_______DAT19">#REF!</definedName>
    <definedName name="_______DAT19_1">#REF!</definedName>
    <definedName name="_______DAT2" localSheetId="2">#REF!</definedName>
    <definedName name="_______DAT2" localSheetId="1">#REF!</definedName>
    <definedName name="_______DAT2">#REF!</definedName>
    <definedName name="_______DAT2_1">#REF!</definedName>
    <definedName name="_______DAT20" localSheetId="2">#REF!</definedName>
    <definedName name="_______DAT20" localSheetId="1">#REF!</definedName>
    <definedName name="_______DAT20">#REF!</definedName>
    <definedName name="_______DAT20_1">#REF!</definedName>
    <definedName name="_______DAT3" localSheetId="2">#REF!</definedName>
    <definedName name="_______DAT3" localSheetId="1">#REF!</definedName>
    <definedName name="_______DAT3">#REF!</definedName>
    <definedName name="_______DAT3_1">#REF!</definedName>
    <definedName name="_______DAT4" localSheetId="2">#REF!</definedName>
    <definedName name="_______DAT4" localSheetId="1">#REF!</definedName>
    <definedName name="_______DAT4">#REF!</definedName>
    <definedName name="_______DAT4_1">#REF!</definedName>
    <definedName name="_______DAT5" localSheetId="2">#REF!</definedName>
    <definedName name="_______DAT5" localSheetId="1">#REF!</definedName>
    <definedName name="_______DAT5">#REF!</definedName>
    <definedName name="_______DAT5_1">#REF!</definedName>
    <definedName name="_______DAT6" localSheetId="2">#REF!</definedName>
    <definedName name="_______DAT6" localSheetId="1">#REF!</definedName>
    <definedName name="_______DAT6">#REF!</definedName>
    <definedName name="_______DAT6_1">#REF!</definedName>
    <definedName name="_______DAT7" localSheetId="2">#REF!</definedName>
    <definedName name="_______DAT7" localSheetId="1">#REF!</definedName>
    <definedName name="_______DAT7">#REF!</definedName>
    <definedName name="_______DAT7_1">#REF!</definedName>
    <definedName name="_______DAT8" localSheetId="2">#REF!</definedName>
    <definedName name="_______DAT8" localSheetId="1">#REF!</definedName>
    <definedName name="_______DAT8">#REF!</definedName>
    <definedName name="_______DAT8_1">#REF!</definedName>
    <definedName name="_______DAT9" localSheetId="2">#REF!</definedName>
    <definedName name="_______DAT9" localSheetId="1">#REF!</definedName>
    <definedName name="_______DAT9">#REF!</definedName>
    <definedName name="_______DAT9_1">#REF!</definedName>
    <definedName name="______Ａ１" localSheetId="2">#REF!</definedName>
    <definedName name="______Ａ１" localSheetId="1">#REF!</definedName>
    <definedName name="______Ａ１">#REF!</definedName>
    <definedName name="______Ａ１_1">#REF!</definedName>
    <definedName name="______DAT1" localSheetId="2">#REF!</definedName>
    <definedName name="______DAT1" localSheetId="1">#REF!</definedName>
    <definedName name="______DAT1">#REF!</definedName>
    <definedName name="______DAT1_1">#REF!</definedName>
    <definedName name="______DAT10" localSheetId="2">#REF!</definedName>
    <definedName name="______DAT10" localSheetId="1">#REF!</definedName>
    <definedName name="______DAT10">#REF!</definedName>
    <definedName name="______DAT10_1">#REF!</definedName>
    <definedName name="______DAT11" localSheetId="2">#REF!</definedName>
    <definedName name="______DAT11" localSheetId="1">#REF!</definedName>
    <definedName name="______DAT11">#REF!</definedName>
    <definedName name="______DAT11_1">#REF!</definedName>
    <definedName name="______DAT12" localSheetId="2">#REF!</definedName>
    <definedName name="______DAT12" localSheetId="1">#REF!</definedName>
    <definedName name="______DAT12">#REF!</definedName>
    <definedName name="______DAT12_1">#REF!</definedName>
    <definedName name="______DAT13" localSheetId="2">#REF!</definedName>
    <definedName name="______DAT13" localSheetId="1">#REF!</definedName>
    <definedName name="______DAT13">#REF!</definedName>
    <definedName name="______DAT13_1">#REF!</definedName>
    <definedName name="______DAT14" localSheetId="2">#REF!</definedName>
    <definedName name="______DAT14" localSheetId="1">#REF!</definedName>
    <definedName name="______DAT14">#REF!</definedName>
    <definedName name="______DAT14_1">#REF!</definedName>
    <definedName name="______DAT15" localSheetId="2">#REF!</definedName>
    <definedName name="______DAT15" localSheetId="1">#REF!</definedName>
    <definedName name="______DAT15">#REF!</definedName>
    <definedName name="______DAT15_1">#REF!</definedName>
    <definedName name="______DAT16" localSheetId="2">#REF!</definedName>
    <definedName name="______DAT16" localSheetId="1">#REF!</definedName>
    <definedName name="______DAT16">#REF!</definedName>
    <definedName name="______DAT16_1">#REF!</definedName>
    <definedName name="______DAT17" localSheetId="2">#REF!</definedName>
    <definedName name="______DAT17" localSheetId="1">#REF!</definedName>
    <definedName name="______DAT17">#REF!</definedName>
    <definedName name="______DAT17_1">#REF!</definedName>
    <definedName name="______DAT18" localSheetId="2">#REF!</definedName>
    <definedName name="______DAT18" localSheetId="1">#REF!</definedName>
    <definedName name="______DAT18">#REF!</definedName>
    <definedName name="______DAT18_1">#REF!</definedName>
    <definedName name="______DAT19" localSheetId="2">#REF!</definedName>
    <definedName name="______DAT19" localSheetId="1">#REF!</definedName>
    <definedName name="______DAT19">#REF!</definedName>
    <definedName name="______DAT19_1">#REF!</definedName>
    <definedName name="______DAT2" localSheetId="2">#REF!</definedName>
    <definedName name="______DAT2" localSheetId="1">#REF!</definedName>
    <definedName name="______DAT2">#REF!</definedName>
    <definedName name="______DAT2_1">#REF!</definedName>
    <definedName name="______DAT20" localSheetId="2">#REF!</definedName>
    <definedName name="______DAT20" localSheetId="1">#REF!</definedName>
    <definedName name="______DAT20">#REF!</definedName>
    <definedName name="______DAT20_1">#REF!</definedName>
    <definedName name="______DAT3" localSheetId="2">#REF!</definedName>
    <definedName name="______DAT3" localSheetId="1">#REF!</definedName>
    <definedName name="______DAT3">#REF!</definedName>
    <definedName name="______DAT3_1">#REF!</definedName>
    <definedName name="______DAT4" localSheetId="2">#REF!</definedName>
    <definedName name="______DAT4" localSheetId="1">#REF!</definedName>
    <definedName name="______DAT4">#REF!</definedName>
    <definedName name="______DAT4_1">#REF!</definedName>
    <definedName name="______DAT5" localSheetId="2">#REF!</definedName>
    <definedName name="______DAT5" localSheetId="1">#REF!</definedName>
    <definedName name="______DAT5">#REF!</definedName>
    <definedName name="______DAT5_1">#REF!</definedName>
    <definedName name="______DAT6" localSheetId="2">#REF!</definedName>
    <definedName name="______DAT6" localSheetId="1">#REF!</definedName>
    <definedName name="______DAT6">#REF!</definedName>
    <definedName name="______DAT6_1">#REF!</definedName>
    <definedName name="______DAT7" localSheetId="2">#REF!</definedName>
    <definedName name="______DAT7" localSheetId="1">#REF!</definedName>
    <definedName name="______DAT7">#REF!</definedName>
    <definedName name="______DAT7_1">#REF!</definedName>
    <definedName name="______DAT8" localSheetId="2">#REF!</definedName>
    <definedName name="______DAT8" localSheetId="1">#REF!</definedName>
    <definedName name="______DAT8">#REF!</definedName>
    <definedName name="______DAT8_1">#REF!</definedName>
    <definedName name="______DAT9" localSheetId="2">#REF!</definedName>
    <definedName name="______DAT9" localSheetId="1">#REF!</definedName>
    <definedName name="______DAT9">#REF!</definedName>
    <definedName name="______DAT9_1">#REF!</definedName>
    <definedName name="_____Ａ１" localSheetId="2">#REF!</definedName>
    <definedName name="_____Ａ１">#REF!</definedName>
    <definedName name="_____Ａ１_1">#REF!</definedName>
    <definedName name="_____DAT1" localSheetId="2">#REF!</definedName>
    <definedName name="_____DAT1" localSheetId="1">#REF!</definedName>
    <definedName name="_____DAT1">#REF!</definedName>
    <definedName name="_____DAT1_1">#REF!</definedName>
    <definedName name="_____DAT10" localSheetId="2">#REF!</definedName>
    <definedName name="_____DAT10" localSheetId="1">#REF!</definedName>
    <definedName name="_____DAT10">#REF!</definedName>
    <definedName name="_____DAT10_1">#REF!</definedName>
    <definedName name="_____DAT11" localSheetId="2">#REF!</definedName>
    <definedName name="_____DAT11" localSheetId="1">#REF!</definedName>
    <definedName name="_____DAT11">#REF!</definedName>
    <definedName name="_____DAT11_1">#REF!</definedName>
    <definedName name="_____DAT12" localSheetId="2">#REF!</definedName>
    <definedName name="_____DAT12" localSheetId="1">#REF!</definedName>
    <definedName name="_____DAT12">#REF!</definedName>
    <definedName name="_____DAT12_1">#REF!</definedName>
    <definedName name="_____DAT13" localSheetId="2">#REF!</definedName>
    <definedName name="_____DAT13" localSheetId="1">#REF!</definedName>
    <definedName name="_____DAT13">#REF!</definedName>
    <definedName name="_____DAT13_1">#REF!</definedName>
    <definedName name="_____DAT14" localSheetId="2">#REF!</definedName>
    <definedName name="_____DAT14" localSheetId="1">#REF!</definedName>
    <definedName name="_____DAT14">#REF!</definedName>
    <definedName name="_____DAT14_1">#REF!</definedName>
    <definedName name="_____DAT15" localSheetId="2">#REF!</definedName>
    <definedName name="_____DAT15" localSheetId="1">#REF!</definedName>
    <definedName name="_____DAT15">#REF!</definedName>
    <definedName name="_____DAT15_1">#REF!</definedName>
    <definedName name="_____DAT16" localSheetId="2">#REF!</definedName>
    <definedName name="_____DAT16" localSheetId="1">#REF!</definedName>
    <definedName name="_____DAT16">#REF!</definedName>
    <definedName name="_____DAT16_1">#REF!</definedName>
    <definedName name="_____DAT17" localSheetId="2">#REF!</definedName>
    <definedName name="_____DAT17" localSheetId="1">#REF!</definedName>
    <definedName name="_____DAT17">#REF!</definedName>
    <definedName name="_____DAT17_1">#REF!</definedName>
    <definedName name="_____DAT18" localSheetId="2">#REF!</definedName>
    <definedName name="_____DAT18" localSheetId="1">#REF!</definedName>
    <definedName name="_____DAT18">#REF!</definedName>
    <definedName name="_____DAT18_1">#REF!</definedName>
    <definedName name="_____DAT19" localSheetId="2">#REF!</definedName>
    <definedName name="_____DAT19" localSheetId="1">#REF!</definedName>
    <definedName name="_____DAT19">#REF!</definedName>
    <definedName name="_____DAT19_1">#REF!</definedName>
    <definedName name="_____DAT2" localSheetId="2">#REF!</definedName>
    <definedName name="_____DAT2" localSheetId="1">#REF!</definedName>
    <definedName name="_____DAT2">#REF!</definedName>
    <definedName name="_____DAT2_1">#REF!</definedName>
    <definedName name="_____DAT20" localSheetId="2">#REF!</definedName>
    <definedName name="_____DAT20" localSheetId="1">#REF!</definedName>
    <definedName name="_____DAT20">#REF!</definedName>
    <definedName name="_____DAT20_1">#REF!</definedName>
    <definedName name="_____DAT3" localSheetId="2">#REF!</definedName>
    <definedName name="_____DAT3" localSheetId="1">#REF!</definedName>
    <definedName name="_____DAT3">#REF!</definedName>
    <definedName name="_____DAT3_1">#REF!</definedName>
    <definedName name="_____DAT4" localSheetId="2">#REF!</definedName>
    <definedName name="_____DAT4" localSheetId="1">#REF!</definedName>
    <definedName name="_____DAT4">#REF!</definedName>
    <definedName name="_____DAT4_1">#REF!</definedName>
    <definedName name="_____DAT5" localSheetId="2">#REF!</definedName>
    <definedName name="_____DAT5" localSheetId="1">#REF!</definedName>
    <definedName name="_____DAT5">#REF!</definedName>
    <definedName name="_____DAT5_1">#REF!</definedName>
    <definedName name="_____DAT6" localSheetId="2">#REF!</definedName>
    <definedName name="_____DAT6" localSheetId="1">#REF!</definedName>
    <definedName name="_____DAT6">#REF!</definedName>
    <definedName name="_____DAT6_1">#REF!</definedName>
    <definedName name="_____DAT7" localSheetId="2">#REF!</definedName>
    <definedName name="_____DAT7" localSheetId="1">#REF!</definedName>
    <definedName name="_____DAT7">#REF!</definedName>
    <definedName name="_____DAT7_1">#REF!</definedName>
    <definedName name="_____DAT8" localSheetId="2">#REF!</definedName>
    <definedName name="_____DAT8" localSheetId="1">#REF!</definedName>
    <definedName name="_____DAT8">#REF!</definedName>
    <definedName name="_____DAT8_1">#REF!</definedName>
    <definedName name="_____DAT9" localSheetId="2">#REF!</definedName>
    <definedName name="_____DAT9" localSheetId="1">#REF!</definedName>
    <definedName name="_____DAT9">#REF!</definedName>
    <definedName name="_____DAT9_1">#REF!</definedName>
    <definedName name="____Ａ１" localSheetId="2">#REF!</definedName>
    <definedName name="____Ａ１" localSheetId="1">#REF!</definedName>
    <definedName name="____Ａ１">#REF!</definedName>
    <definedName name="____Ａ１_1">#REF!</definedName>
    <definedName name="____DAT1" localSheetId="2">#REF!</definedName>
    <definedName name="____DAT1" localSheetId="1">#REF!</definedName>
    <definedName name="____DAT1">#REF!</definedName>
    <definedName name="____DAT1_1">#REF!</definedName>
    <definedName name="____DAT10" localSheetId="2">#REF!</definedName>
    <definedName name="____DAT10" localSheetId="1">#REF!</definedName>
    <definedName name="____DAT10">#REF!</definedName>
    <definedName name="____DAT10_1">#REF!</definedName>
    <definedName name="____DAT11" localSheetId="2">#REF!</definedName>
    <definedName name="____DAT11" localSheetId="1">#REF!</definedName>
    <definedName name="____DAT11">#REF!</definedName>
    <definedName name="____DAT11_1">#REF!</definedName>
    <definedName name="____DAT12" localSheetId="2">#REF!</definedName>
    <definedName name="____DAT12" localSheetId="1">#REF!</definedName>
    <definedName name="____DAT12">#REF!</definedName>
    <definedName name="____DAT12_1">#REF!</definedName>
    <definedName name="____DAT13" localSheetId="2">#REF!</definedName>
    <definedName name="____DAT13" localSheetId="1">#REF!</definedName>
    <definedName name="____DAT13">#REF!</definedName>
    <definedName name="____DAT13_1">#REF!</definedName>
    <definedName name="____DAT14" localSheetId="2">#REF!</definedName>
    <definedName name="____DAT14" localSheetId="1">#REF!</definedName>
    <definedName name="____DAT14">#REF!</definedName>
    <definedName name="____DAT14_1">#REF!</definedName>
    <definedName name="____DAT15" localSheetId="2">#REF!</definedName>
    <definedName name="____DAT15" localSheetId="1">#REF!</definedName>
    <definedName name="____DAT15">#REF!</definedName>
    <definedName name="____DAT15_1">#REF!</definedName>
    <definedName name="____DAT16" localSheetId="2">#REF!</definedName>
    <definedName name="____DAT16" localSheetId="1">#REF!</definedName>
    <definedName name="____DAT16">#REF!</definedName>
    <definedName name="____DAT16_1">#REF!</definedName>
    <definedName name="____DAT17" localSheetId="2">#REF!</definedName>
    <definedName name="____DAT17" localSheetId="1">#REF!</definedName>
    <definedName name="____DAT17">#REF!</definedName>
    <definedName name="____DAT17_1">#REF!</definedName>
    <definedName name="____DAT18" localSheetId="2">#REF!</definedName>
    <definedName name="____DAT18" localSheetId="1">#REF!</definedName>
    <definedName name="____DAT18">#REF!</definedName>
    <definedName name="____DAT18_1">#REF!</definedName>
    <definedName name="____DAT19" localSheetId="2">#REF!</definedName>
    <definedName name="____DAT19" localSheetId="1">#REF!</definedName>
    <definedName name="____DAT19">#REF!</definedName>
    <definedName name="____DAT19_1">#REF!</definedName>
    <definedName name="____DAT2" localSheetId="2">#REF!</definedName>
    <definedName name="____DAT2" localSheetId="1">#REF!</definedName>
    <definedName name="____DAT2">#REF!</definedName>
    <definedName name="____DAT2_1">#REF!</definedName>
    <definedName name="____DAT20" localSheetId="2">#REF!</definedName>
    <definedName name="____DAT20" localSheetId="1">#REF!</definedName>
    <definedName name="____DAT20">#REF!</definedName>
    <definedName name="____DAT20_1">#REF!</definedName>
    <definedName name="____DAT3" localSheetId="2">#REF!</definedName>
    <definedName name="____DAT3" localSheetId="1">#REF!</definedName>
    <definedName name="____DAT3">#REF!</definedName>
    <definedName name="____DAT3_1">#REF!</definedName>
    <definedName name="____DAT4" localSheetId="2">#REF!</definedName>
    <definedName name="____DAT4" localSheetId="1">#REF!</definedName>
    <definedName name="____DAT4">#REF!</definedName>
    <definedName name="____DAT4_1">#REF!</definedName>
    <definedName name="____DAT5" localSheetId="2">#REF!</definedName>
    <definedName name="____DAT5" localSheetId="1">#REF!</definedName>
    <definedName name="____DAT5">#REF!</definedName>
    <definedName name="____DAT5_1">#REF!</definedName>
    <definedName name="____DAT6" localSheetId="2">#REF!</definedName>
    <definedName name="____DAT6" localSheetId="1">#REF!</definedName>
    <definedName name="____DAT6">#REF!</definedName>
    <definedName name="____DAT6_1">#REF!</definedName>
    <definedName name="____DAT7" localSheetId="2">#REF!</definedName>
    <definedName name="____DAT7" localSheetId="1">#REF!</definedName>
    <definedName name="____DAT7">#REF!</definedName>
    <definedName name="____DAT7_1">#REF!</definedName>
    <definedName name="____DAT8" localSheetId="2">#REF!</definedName>
    <definedName name="____DAT8" localSheetId="1">#REF!</definedName>
    <definedName name="____DAT8">#REF!</definedName>
    <definedName name="____DAT8_1">#REF!</definedName>
    <definedName name="____DAT9" localSheetId="2">#REF!</definedName>
    <definedName name="____DAT9" localSheetId="1">#REF!</definedName>
    <definedName name="____DAT9">#REF!</definedName>
    <definedName name="____DAT9_1">#REF!</definedName>
    <definedName name="___1Ａ１_" localSheetId="2">#REF!</definedName>
    <definedName name="___1Ａ１_">#REF!</definedName>
    <definedName name="___1Ａ１__1">#REF!</definedName>
    <definedName name="___2印刷範囲_3" localSheetId="2">#REF!</definedName>
    <definedName name="___2印刷範囲_3">#REF!</definedName>
    <definedName name="___2印刷範囲_3_1">#REF!</definedName>
    <definedName name="___Ａ１" localSheetId="2">#REF!</definedName>
    <definedName name="___Ａ１" localSheetId="1">#REF!</definedName>
    <definedName name="___Ａ１">#REF!</definedName>
    <definedName name="___Ａ１_1">#REF!</definedName>
    <definedName name="___DAT1" localSheetId="2">#REF!</definedName>
    <definedName name="___DAT1" localSheetId="1">#REF!</definedName>
    <definedName name="___DAT1">#REF!</definedName>
    <definedName name="___DAT1_1">#REF!</definedName>
    <definedName name="___DAT10" localSheetId="2">#REF!</definedName>
    <definedName name="___DAT10" localSheetId="1">#REF!</definedName>
    <definedName name="___DAT10">#REF!</definedName>
    <definedName name="___DAT10_1">#REF!</definedName>
    <definedName name="___DAT11" localSheetId="2">#REF!</definedName>
    <definedName name="___DAT11" localSheetId="1">#REF!</definedName>
    <definedName name="___DAT11">#REF!</definedName>
    <definedName name="___DAT11_1">#REF!</definedName>
    <definedName name="___DAT12" localSheetId="2">#REF!</definedName>
    <definedName name="___DAT12" localSheetId="1">#REF!</definedName>
    <definedName name="___DAT12">#REF!</definedName>
    <definedName name="___DAT12_1">#REF!</definedName>
    <definedName name="___DAT13" localSheetId="2">#REF!</definedName>
    <definedName name="___DAT13" localSheetId="1">#REF!</definedName>
    <definedName name="___DAT13">#REF!</definedName>
    <definedName name="___DAT13_1">#REF!</definedName>
    <definedName name="___DAT14" localSheetId="2">#REF!</definedName>
    <definedName name="___DAT14" localSheetId="1">#REF!</definedName>
    <definedName name="___DAT14">#REF!</definedName>
    <definedName name="___DAT14_1">#REF!</definedName>
    <definedName name="___DAT15" localSheetId="2">#REF!</definedName>
    <definedName name="___DAT15" localSheetId="1">#REF!</definedName>
    <definedName name="___DAT15">#REF!</definedName>
    <definedName name="___DAT15_1">#REF!</definedName>
    <definedName name="___DAT16" localSheetId="2">#REF!</definedName>
    <definedName name="___DAT16" localSheetId="1">#REF!</definedName>
    <definedName name="___DAT16">#REF!</definedName>
    <definedName name="___DAT16_1">#REF!</definedName>
    <definedName name="___DAT17" localSheetId="2">#REF!</definedName>
    <definedName name="___DAT17" localSheetId="1">#REF!</definedName>
    <definedName name="___DAT17">#REF!</definedName>
    <definedName name="___DAT17_1">#REF!</definedName>
    <definedName name="___DAT18" localSheetId="2">#REF!</definedName>
    <definedName name="___DAT18" localSheetId="1">#REF!</definedName>
    <definedName name="___DAT18">#REF!</definedName>
    <definedName name="___DAT18_1">#REF!</definedName>
    <definedName name="___DAT19" localSheetId="2">#REF!</definedName>
    <definedName name="___DAT19" localSheetId="1">#REF!</definedName>
    <definedName name="___DAT19">#REF!</definedName>
    <definedName name="___DAT19_1">#REF!</definedName>
    <definedName name="___DAT2" localSheetId="2">#REF!</definedName>
    <definedName name="___DAT2" localSheetId="1">#REF!</definedName>
    <definedName name="___DAT2">#REF!</definedName>
    <definedName name="___DAT2_1">#REF!</definedName>
    <definedName name="___DAT20" localSheetId="2">#REF!</definedName>
    <definedName name="___DAT20" localSheetId="1">#REF!</definedName>
    <definedName name="___DAT20">#REF!</definedName>
    <definedName name="___DAT20_1">#REF!</definedName>
    <definedName name="___DAT3" localSheetId="2">#REF!</definedName>
    <definedName name="___DAT3" localSheetId="1">#REF!</definedName>
    <definedName name="___DAT3">#REF!</definedName>
    <definedName name="___DAT3_1">#REF!</definedName>
    <definedName name="___DAT4" localSheetId="2">#REF!</definedName>
    <definedName name="___DAT4" localSheetId="1">#REF!</definedName>
    <definedName name="___DAT4">#REF!</definedName>
    <definedName name="___DAT4_1">#REF!</definedName>
    <definedName name="___DAT5" localSheetId="2">#REF!</definedName>
    <definedName name="___DAT5" localSheetId="1">#REF!</definedName>
    <definedName name="___DAT5">#REF!</definedName>
    <definedName name="___DAT5_1">#REF!</definedName>
    <definedName name="___DAT6" localSheetId="2">#REF!</definedName>
    <definedName name="___DAT6" localSheetId="1">#REF!</definedName>
    <definedName name="___DAT6">#REF!</definedName>
    <definedName name="___DAT6_1">#REF!</definedName>
    <definedName name="___DAT7" localSheetId="2">#REF!</definedName>
    <definedName name="___DAT7" localSheetId="1">#REF!</definedName>
    <definedName name="___DAT7">#REF!</definedName>
    <definedName name="___DAT7_1">#REF!</definedName>
    <definedName name="___DAT8" localSheetId="2">#REF!</definedName>
    <definedName name="___DAT8" localSheetId="1">#REF!</definedName>
    <definedName name="___DAT8">#REF!</definedName>
    <definedName name="___DAT8_1">#REF!</definedName>
    <definedName name="___DAT9" localSheetId="2">#REF!</definedName>
    <definedName name="___DAT9" localSheetId="1">#REF!</definedName>
    <definedName name="___DAT9">#REF!</definedName>
    <definedName name="___DAT9_1">#REF!</definedName>
    <definedName name="__1Ａ１_" localSheetId="2">#REF!</definedName>
    <definedName name="__1Ａ１_" localSheetId="1">#REF!</definedName>
    <definedName name="__1Ａ１_">#REF!</definedName>
    <definedName name="__1Ａ１__1">#REF!</definedName>
    <definedName name="__2Ａ１_" localSheetId="2">#REF!</definedName>
    <definedName name="__2Ａ１_" localSheetId="1">#REF!</definedName>
    <definedName name="__2Ａ１_">#REF!</definedName>
    <definedName name="__2Ａ１__1">#REF!</definedName>
    <definedName name="__2印刷範囲_3" localSheetId="2">#REF!</definedName>
    <definedName name="__2印刷範囲_3" localSheetId="1">#REF!</definedName>
    <definedName name="__2印刷範囲_3">#REF!</definedName>
    <definedName name="__2印刷範囲_3_1">#REF!</definedName>
    <definedName name="__3印刷範囲_3" localSheetId="2">#REF!</definedName>
    <definedName name="__3印刷範囲_3" localSheetId="1">#REF!</definedName>
    <definedName name="__3印刷範囲_3">#REF!</definedName>
    <definedName name="__3印刷範囲_3_1">#REF!</definedName>
    <definedName name="__4Ａ１_" localSheetId="2">#REF!</definedName>
    <definedName name="__4Ａ１_" localSheetId="1">#REF!</definedName>
    <definedName name="__4Ａ１_">#REF!</definedName>
    <definedName name="__4Ａ１__1">#REF!</definedName>
    <definedName name="__5Ａ１_" localSheetId="2">#REF!</definedName>
    <definedName name="__5Ａ１_" localSheetId="1">#REF!</definedName>
    <definedName name="__5Ａ１_">#REF!</definedName>
    <definedName name="__5Ａ１__1">#REF!</definedName>
    <definedName name="__5印刷範囲_3" localSheetId="2">#REF!</definedName>
    <definedName name="__5印刷範囲_3" localSheetId="1">#REF!</definedName>
    <definedName name="__5印刷範囲_3">#REF!</definedName>
    <definedName name="__5印刷範囲_3_1">#REF!</definedName>
    <definedName name="__7Ａ１_" localSheetId="2">#REF!</definedName>
    <definedName name="__7Ａ１_">#REF!</definedName>
    <definedName name="__7Ａ１__1">#REF!</definedName>
    <definedName name="__8印刷範囲_3" localSheetId="2">#REF!</definedName>
    <definedName name="__8印刷範囲_3" localSheetId="1">#REF!</definedName>
    <definedName name="__8印刷範囲_3">#REF!</definedName>
    <definedName name="__8印刷範囲_3_1">#REF!</definedName>
    <definedName name="__Ａ１" localSheetId="2">#REF!</definedName>
    <definedName name="__Ａ１" localSheetId="1">#REF!</definedName>
    <definedName name="__Ａ１">#REF!</definedName>
    <definedName name="__Ａ１_1">#REF!</definedName>
    <definedName name="__DAT1" localSheetId="2">#REF!</definedName>
    <definedName name="__DAT1" localSheetId="1">#REF!</definedName>
    <definedName name="__DAT1">#REF!</definedName>
    <definedName name="__DAT1_1">#REF!</definedName>
    <definedName name="__DAT10" localSheetId="2">#REF!</definedName>
    <definedName name="__DAT10" localSheetId="1">#REF!</definedName>
    <definedName name="__DAT10">#REF!</definedName>
    <definedName name="__DAT10_1">#REF!</definedName>
    <definedName name="__DAT11" localSheetId="2">#REF!</definedName>
    <definedName name="__DAT11" localSheetId="1">#REF!</definedName>
    <definedName name="__DAT11">#REF!</definedName>
    <definedName name="__DAT11_1">#REF!</definedName>
    <definedName name="__DAT12" localSheetId="2">#REF!</definedName>
    <definedName name="__DAT12" localSheetId="1">#REF!</definedName>
    <definedName name="__DAT12">#REF!</definedName>
    <definedName name="__DAT12_1">#REF!</definedName>
    <definedName name="__DAT13" localSheetId="2">#REF!</definedName>
    <definedName name="__DAT13" localSheetId="1">#REF!</definedName>
    <definedName name="__DAT13">#REF!</definedName>
    <definedName name="__DAT13_1">#REF!</definedName>
    <definedName name="__DAT14" localSheetId="2">#REF!</definedName>
    <definedName name="__DAT14" localSheetId="1">#REF!</definedName>
    <definedName name="__DAT14">#REF!</definedName>
    <definedName name="__DAT14_1">#REF!</definedName>
    <definedName name="__DAT15" localSheetId="2">#REF!</definedName>
    <definedName name="__DAT15" localSheetId="1">#REF!</definedName>
    <definedName name="__DAT15">#REF!</definedName>
    <definedName name="__DAT15_1">#REF!</definedName>
    <definedName name="__DAT16" localSheetId="2">#REF!</definedName>
    <definedName name="__DAT16" localSheetId="1">#REF!</definedName>
    <definedName name="__DAT16">#REF!</definedName>
    <definedName name="__DAT16_1">#REF!</definedName>
    <definedName name="__DAT17" localSheetId="2">#REF!</definedName>
    <definedName name="__DAT17" localSheetId="1">#REF!</definedName>
    <definedName name="__DAT17">#REF!</definedName>
    <definedName name="__DAT17_1">#REF!</definedName>
    <definedName name="__DAT18" localSheetId="2">#REF!</definedName>
    <definedName name="__DAT18" localSheetId="1">#REF!</definedName>
    <definedName name="__DAT18">#REF!</definedName>
    <definedName name="__DAT18_1">#REF!</definedName>
    <definedName name="__DAT19" localSheetId="2">#REF!</definedName>
    <definedName name="__DAT19" localSheetId="1">#REF!</definedName>
    <definedName name="__DAT19">#REF!</definedName>
    <definedName name="__DAT19_1">#REF!</definedName>
    <definedName name="__DAT2" localSheetId="2">#REF!</definedName>
    <definedName name="__DAT2" localSheetId="1">#REF!</definedName>
    <definedName name="__DAT2">#REF!</definedName>
    <definedName name="__DAT2_1">#REF!</definedName>
    <definedName name="__DAT20" localSheetId="2">#REF!</definedName>
    <definedName name="__DAT20" localSheetId="1">#REF!</definedName>
    <definedName name="__DAT20">#REF!</definedName>
    <definedName name="__DAT20_1">#REF!</definedName>
    <definedName name="__DAT3" localSheetId="2">#REF!</definedName>
    <definedName name="__DAT3" localSheetId="1">#REF!</definedName>
    <definedName name="__DAT3">#REF!</definedName>
    <definedName name="__DAT3_1">#REF!</definedName>
    <definedName name="__DAT4" localSheetId="2">#REF!</definedName>
    <definedName name="__DAT4" localSheetId="1">#REF!</definedName>
    <definedName name="__DAT4">#REF!</definedName>
    <definedName name="__DAT4_1">#REF!</definedName>
    <definedName name="__DAT5" localSheetId="2">#REF!</definedName>
    <definedName name="__DAT5" localSheetId="1">#REF!</definedName>
    <definedName name="__DAT5">#REF!</definedName>
    <definedName name="__DAT5_1">#REF!</definedName>
    <definedName name="__DAT6" localSheetId="2">#REF!</definedName>
    <definedName name="__DAT6" localSheetId="1">#REF!</definedName>
    <definedName name="__DAT6">#REF!</definedName>
    <definedName name="__DAT6_1">#REF!</definedName>
    <definedName name="__DAT7" localSheetId="2">#REF!</definedName>
    <definedName name="__DAT7" localSheetId="1">#REF!</definedName>
    <definedName name="__DAT7">#REF!</definedName>
    <definedName name="__DAT7_1">#REF!</definedName>
    <definedName name="__DAT8" localSheetId="2">#REF!</definedName>
    <definedName name="__DAT8" localSheetId="1">#REF!</definedName>
    <definedName name="__DAT8">#REF!</definedName>
    <definedName name="__DAT8_1">#REF!</definedName>
    <definedName name="__DAT9" localSheetId="2">#REF!</definedName>
    <definedName name="__DAT9" localSheetId="1">#REF!</definedName>
    <definedName name="__DAT9">#REF!</definedName>
    <definedName name="__DAT9_1">#REF!</definedName>
    <definedName name="_0">#REF!</definedName>
    <definedName name="_0_1">#REF!</definedName>
    <definedName name="_0_3">#REF!</definedName>
    <definedName name="_1">#REF!</definedName>
    <definedName name="_1_1">#REF!</definedName>
    <definedName name="_1_3">#REF!</definedName>
    <definedName name="_10印刷範囲_3" localSheetId="2">#REF!</definedName>
    <definedName name="_10印刷範囲_3">#REF!</definedName>
    <definedName name="_10印刷範囲_3_1">#REF!</definedName>
    <definedName name="_11Ａ１_" localSheetId="2">#REF!</definedName>
    <definedName name="_11Ａ１_" localSheetId="1">#REF!</definedName>
    <definedName name="_11Ａ１_">#REF!</definedName>
    <definedName name="_11Ａ１__1">#REF!</definedName>
    <definedName name="_12印刷範囲_3" localSheetId="2">#REF!</definedName>
    <definedName name="_12印刷範囲_3" localSheetId="1">#REF!</definedName>
    <definedName name="_12印刷範囲_3">#REF!</definedName>
    <definedName name="_12印刷範囲_3_1">#REF!</definedName>
    <definedName name="_1Ａ１_" localSheetId="2">#REF!</definedName>
    <definedName name="_1Ａ１_" localSheetId="1">#REF!</definedName>
    <definedName name="_1Ａ１_">#REF!</definedName>
    <definedName name="_1Ａ１__1">#REF!</definedName>
    <definedName name="_2">#REF!</definedName>
    <definedName name="_2_3">#REF!</definedName>
    <definedName name="_2Ａ１_" localSheetId="2">#REF!</definedName>
    <definedName name="_2Ａ１_" localSheetId="1">#REF!</definedName>
    <definedName name="_2Ａ１_">#REF!</definedName>
    <definedName name="_2Ａ１__1">#REF!</definedName>
    <definedName name="_2印刷範囲_3" localSheetId="2">#REF!</definedName>
    <definedName name="_2印刷範囲_3" localSheetId="1">#REF!</definedName>
    <definedName name="_2印刷範囲_3">#REF!</definedName>
    <definedName name="_2印刷範囲_3_1">#REF!</definedName>
    <definedName name="_3Ａ１_" localSheetId="2">#REF!</definedName>
    <definedName name="_3Ａ１_">#REF!</definedName>
    <definedName name="_3Ａ１__1">#REF!</definedName>
    <definedName name="_3印刷範囲_3" localSheetId="2">#REF!</definedName>
    <definedName name="_3印刷範囲_3" localSheetId="1">#REF!</definedName>
    <definedName name="_3印刷範囲_3">#REF!</definedName>
    <definedName name="_3印刷範囲_3_1">#REF!</definedName>
    <definedName name="_4Ａ１_" localSheetId="2">#REF!</definedName>
    <definedName name="_4Ａ１_" localSheetId="1">#REF!</definedName>
    <definedName name="_4Ａ１_">#REF!</definedName>
    <definedName name="_4Ａ１__1">#REF!</definedName>
    <definedName name="_4印刷範囲_3" localSheetId="2">#REF!</definedName>
    <definedName name="_4印刷範囲_3">#REF!</definedName>
    <definedName name="_4印刷範囲_3_1">#REF!</definedName>
    <definedName name="_5Ａ１_" localSheetId="2">#REF!</definedName>
    <definedName name="_5Ａ１_" localSheetId="1">#REF!</definedName>
    <definedName name="_5Ａ１_">#REF!</definedName>
    <definedName name="_5Ａ１__1">#REF!</definedName>
    <definedName name="_5印刷範囲_3" localSheetId="2">#REF!</definedName>
    <definedName name="_5印刷範囲_3" localSheetId="1">#REF!</definedName>
    <definedName name="_5印刷範囲_3">#REF!</definedName>
    <definedName name="_5印刷範囲_3_1">#REF!</definedName>
    <definedName name="_6印刷範囲_3" localSheetId="2">#REF!</definedName>
    <definedName name="_6印刷範囲_3" localSheetId="1">#REF!</definedName>
    <definedName name="_6印刷範囲_3">#REF!</definedName>
    <definedName name="_6印刷範囲_3_1">#REF!</definedName>
    <definedName name="_7Ａ１_" localSheetId="2">#REF!</definedName>
    <definedName name="_7Ａ１_" localSheetId="1">#REF!</definedName>
    <definedName name="_7Ａ１_">#REF!</definedName>
    <definedName name="_7Ａ１__1">#REF!</definedName>
    <definedName name="_8印刷範囲_3" localSheetId="2">#REF!</definedName>
    <definedName name="_8印刷範囲_3" localSheetId="1">#REF!</definedName>
    <definedName name="_8印刷範囲_3">#REF!</definedName>
    <definedName name="_8印刷範囲_3_1">#REF!</definedName>
    <definedName name="_８年度________________単価" localSheetId="2">#REF!</definedName>
    <definedName name="_８年度________________単価" localSheetId="1">#REF!</definedName>
    <definedName name="_８年度________________単価">#REF!</definedName>
    <definedName name="_８年度________________単価_1">#REF!</definedName>
    <definedName name="_８年度________________単価_3">#REF!</definedName>
    <definedName name="_９年度" localSheetId="2">#REF!</definedName>
    <definedName name="_９年度" localSheetId="1">#REF!</definedName>
    <definedName name="_９年度">#REF!</definedName>
    <definedName name="_９年度_1">#REF!</definedName>
    <definedName name="_９年度_3">#REF!</definedName>
    <definedName name="_A">#REF!</definedName>
    <definedName name="_a_1">#REF!</definedName>
    <definedName name="_a_3">#REF!</definedName>
    <definedName name="_Ａ１" localSheetId="2">#REF!</definedName>
    <definedName name="_Ａ１">#REF!</definedName>
    <definedName name="_Ａ１_1">#REF!</definedName>
    <definedName name="_Area" localSheetId="2">#REF!</definedName>
    <definedName name="_Area" localSheetId="1">#REF!</definedName>
    <definedName name="_Area">#REF!</definedName>
    <definedName name="_Area_1">#REF!</definedName>
    <definedName name="_Area_3">#REF!</definedName>
    <definedName name="_B">#REF!</definedName>
    <definedName name="_b_1">#REF!</definedName>
    <definedName name="_b_3">#REF!</definedName>
    <definedName name="_BORDERSOFF__PA" localSheetId="2">#REF!</definedName>
    <definedName name="_BORDERSOFF__PA" localSheetId="1">#REF!</definedName>
    <definedName name="_BORDERSOFF__PA">#REF!</definedName>
    <definedName name="_BORDERSOFF__PA_3">#REF!</definedName>
    <definedName name="_C">#REF!</definedName>
    <definedName name="_c_1">#REF!</definedName>
    <definedName name="_c_3">#REF!</definedName>
    <definedName name="_d">#REF!</definedName>
    <definedName name="_d_3">#REF!</definedName>
    <definedName name="_DAT1" localSheetId="2">#REF!</definedName>
    <definedName name="_DAT1" localSheetId="1">#REF!</definedName>
    <definedName name="_DAT1">#REF!</definedName>
    <definedName name="_DAT1_1">#REF!</definedName>
    <definedName name="_DAT10" localSheetId="2">#REF!</definedName>
    <definedName name="_DAT10" localSheetId="1">#REF!</definedName>
    <definedName name="_DAT10">#REF!</definedName>
    <definedName name="_DAT10_1">#REF!</definedName>
    <definedName name="_DAT11" localSheetId="2">#REF!</definedName>
    <definedName name="_DAT11" localSheetId="1">#REF!</definedName>
    <definedName name="_DAT11">#REF!</definedName>
    <definedName name="_DAT11_1">#REF!</definedName>
    <definedName name="_DAT12" localSheetId="2">#REF!</definedName>
    <definedName name="_DAT12" localSheetId="1">#REF!</definedName>
    <definedName name="_DAT12">#REF!</definedName>
    <definedName name="_DAT12_1">#REF!</definedName>
    <definedName name="_DAT13" localSheetId="2">#REF!</definedName>
    <definedName name="_DAT13" localSheetId="1">#REF!</definedName>
    <definedName name="_DAT13">#REF!</definedName>
    <definedName name="_DAT13_1">#REF!</definedName>
    <definedName name="_DAT14" localSheetId="2">#REF!</definedName>
    <definedName name="_DAT14" localSheetId="1">#REF!</definedName>
    <definedName name="_DAT14">#REF!</definedName>
    <definedName name="_DAT14_1">#REF!</definedName>
    <definedName name="_DAT15" localSheetId="2">#REF!</definedName>
    <definedName name="_DAT15" localSheetId="1">#REF!</definedName>
    <definedName name="_DAT15">#REF!</definedName>
    <definedName name="_DAT15_1">#REF!</definedName>
    <definedName name="_DAT16" localSheetId="2">#REF!</definedName>
    <definedName name="_DAT16" localSheetId="1">#REF!</definedName>
    <definedName name="_DAT16">#REF!</definedName>
    <definedName name="_DAT16_1">#REF!</definedName>
    <definedName name="_DAT17" localSheetId="2">#REF!</definedName>
    <definedName name="_DAT17" localSheetId="1">#REF!</definedName>
    <definedName name="_DAT17">#REF!</definedName>
    <definedName name="_DAT17_1">#REF!</definedName>
    <definedName name="_DAT18" localSheetId="2">#REF!</definedName>
    <definedName name="_DAT18" localSheetId="1">#REF!</definedName>
    <definedName name="_DAT18">#REF!</definedName>
    <definedName name="_DAT18_1">#REF!</definedName>
    <definedName name="_DAT19" localSheetId="2">#REF!</definedName>
    <definedName name="_DAT19" localSheetId="1">#REF!</definedName>
    <definedName name="_DAT19">#REF!</definedName>
    <definedName name="_DAT19_1">#REF!</definedName>
    <definedName name="_DAT2" localSheetId="2">#REF!</definedName>
    <definedName name="_DAT2" localSheetId="1">#REF!</definedName>
    <definedName name="_DAT2">#REF!</definedName>
    <definedName name="_DAT2_1">#REF!</definedName>
    <definedName name="_DAT20" localSheetId="2">#REF!</definedName>
    <definedName name="_DAT20" localSheetId="1">#REF!</definedName>
    <definedName name="_DAT20">#REF!</definedName>
    <definedName name="_DAT20_1">#REF!</definedName>
    <definedName name="_DAT3" localSheetId="2">#REF!</definedName>
    <definedName name="_DAT3" localSheetId="1">#REF!</definedName>
    <definedName name="_DAT3">#REF!</definedName>
    <definedName name="_DAT3_1">#REF!</definedName>
    <definedName name="_DAT4" localSheetId="2">#REF!</definedName>
    <definedName name="_DAT4" localSheetId="1">#REF!</definedName>
    <definedName name="_DAT4">#REF!</definedName>
    <definedName name="_DAT4_1">#REF!</definedName>
    <definedName name="_DAT5" localSheetId="2">#REF!</definedName>
    <definedName name="_DAT5" localSheetId="1">#REF!</definedName>
    <definedName name="_DAT5">#REF!</definedName>
    <definedName name="_DAT5_1">#REF!</definedName>
    <definedName name="_DAT6" localSheetId="2">#REF!</definedName>
    <definedName name="_DAT6" localSheetId="1">#REF!</definedName>
    <definedName name="_DAT6">#REF!</definedName>
    <definedName name="_DAT6_1">#REF!</definedName>
    <definedName name="_DAT7" localSheetId="2">#REF!</definedName>
    <definedName name="_DAT7" localSheetId="1">#REF!</definedName>
    <definedName name="_DAT7">#REF!</definedName>
    <definedName name="_DAT7_1">#REF!</definedName>
    <definedName name="_DAT8" localSheetId="2">#REF!</definedName>
    <definedName name="_DAT8" localSheetId="1">#REF!</definedName>
    <definedName name="_DAT8">#REF!</definedName>
    <definedName name="_DAT8_1">#REF!</definedName>
    <definedName name="_DAT9" localSheetId="2">#REF!</definedName>
    <definedName name="_DAT9" localSheetId="1">#REF!</definedName>
    <definedName name="_DAT9">#REF!</definedName>
    <definedName name="_DAT9_1">#REF!</definedName>
    <definedName name="_E">#REF!</definedName>
    <definedName name="_e_1">#REF!</definedName>
    <definedName name="_e_3">#REF!</definedName>
    <definedName name="_f">#REF!</definedName>
    <definedName name="_f_3">#REF!</definedName>
    <definedName name="_Fill" localSheetId="2" hidden="1">#REF!</definedName>
    <definedName name="_Fill" localSheetId="1" hidden="1">#REF!</definedName>
    <definedName name="_Fill" hidden="1">#REF!</definedName>
    <definedName name="_g">#REF!</definedName>
    <definedName name="_g_3">#REF!</definedName>
    <definedName name="_h">#REF!</definedName>
    <definedName name="_h_3">#REF!</definedName>
    <definedName name="_i">#REF!</definedName>
    <definedName name="_i_3">#REF!</definedName>
    <definedName name="_I1">#REF!</definedName>
    <definedName name="_I2">#REF!</definedName>
    <definedName name="_I3">#REF!</definedName>
    <definedName name="_j">#REF!</definedName>
    <definedName name="_j_3">#REF!</definedName>
    <definedName name="_k">#REF!</definedName>
    <definedName name="_k_3">#REF!</definedName>
    <definedName name="_Key1" localSheetId="2" hidden="1">#REF!</definedName>
    <definedName name="_Key1" localSheetId="1" hidden="1">#REF!</definedName>
    <definedName name="_Key1" hidden="1">#REF!</definedName>
    <definedName name="_Key2" localSheetId="2" hidden="1">#REF!</definedName>
    <definedName name="_Key2" localSheetId="1" hidden="1">#REF!</definedName>
    <definedName name="_Key2" hidden="1">#REF!</definedName>
    <definedName name="_l">#REF!</definedName>
    <definedName name="_L__DEL___">#N/A</definedName>
    <definedName name="_L__DEL____1">NA()</definedName>
    <definedName name="_l_3">#REF!</definedName>
    <definedName name="_m">#REF!</definedName>
    <definedName name="_m_3">#REF!</definedName>
    <definedName name="_n">#REF!</definedName>
    <definedName name="_n_3">#REF!</definedName>
    <definedName name="_o">#REF!</definedName>
    <definedName name="_o_3">#REF!</definedName>
    <definedName name="_OPEN__CON__W_" localSheetId="2">#REF!</definedName>
    <definedName name="_OPEN__CON__W_" localSheetId="1">#REF!</definedName>
    <definedName name="_OPEN__CON__W_">#REF!</definedName>
    <definedName name="_OPEN__CON__W__3">#REF!</definedName>
    <definedName name="_Order1" hidden="1">255</definedName>
    <definedName name="_Order2" hidden="1">255</definedName>
    <definedName name="_P">#REF!</definedName>
    <definedName name="_p_1">#REF!</definedName>
    <definedName name="_p_3">#REF!</definedName>
    <definedName name="_P1" localSheetId="2">#REF!</definedName>
    <definedName name="_P1" localSheetId="1">#REF!</definedName>
    <definedName name="_P1">#REF!</definedName>
    <definedName name="_P1_1">#REF!</definedName>
    <definedName name="_P1_3">#REF!</definedName>
    <definedName name="_Parse_Out" hidden="1">#REF!</definedName>
    <definedName name="_q">#REF!</definedName>
    <definedName name="_q_3">#REF!</definedName>
    <definedName name="_R">#REF!</definedName>
    <definedName name="_r_1">#REF!</definedName>
    <definedName name="_r_3">#REF!</definedName>
    <definedName name="_s">#REF!</definedName>
    <definedName name="_s_3">#REF!</definedName>
    <definedName name="_Sort" localSheetId="2" hidden="1">#REF!</definedName>
    <definedName name="_Sort" localSheetId="1" hidden="1">#REF!</definedName>
    <definedName name="_Sort" hidden="1">#REF!</definedName>
    <definedName name="_t">#REF!</definedName>
    <definedName name="_t_3">#REF!</definedName>
    <definedName name="_u">#REF!</definedName>
    <definedName name="_u_3">#REF!</definedName>
    <definedName name="_v">#REF!</definedName>
    <definedName name="_v_3">#REF!</definedName>
    <definedName name="_w">#REF!</definedName>
    <definedName name="_w_3">#REF!</definedName>
    <definedName name="_WRITE__CHAR_27" localSheetId="2">#REF!</definedName>
    <definedName name="_WRITE__CHAR_27" localSheetId="1">#REF!</definedName>
    <definedName name="_WRITE__CHAR_27">#REF!</definedName>
    <definedName name="_WRITE__CHAR_27_3">#REF!</definedName>
    <definedName name="_WXD_" localSheetId="2">#REF!</definedName>
    <definedName name="_WXD_" localSheetId="1">#REF!</definedName>
    <definedName name="_WXD_">#REF!</definedName>
    <definedName name="_WXD__3">#REF!</definedName>
    <definedName name="_WXH_" localSheetId="2">#REF!</definedName>
    <definedName name="_WXH_" localSheetId="1">#REF!</definedName>
    <definedName name="_WXH_">#REF!</definedName>
    <definedName name="_WXH__3">#REF!</definedName>
    <definedName name="_x">#REF!</definedName>
    <definedName name="_x_3">#REF!</definedName>
    <definedName name="_y">#REF!</definedName>
    <definedName name="_y_3">#REF!</definedName>
    <definedName name="_Z">#REF!</definedName>
    <definedName name="_z_1">#REF!</definedName>
    <definedName name="_z_3">#REF!</definedName>
    <definedName name="_ポンプ場総合試運転費" localSheetId="2">#REF!</definedName>
    <definedName name="_ポンプ場総合試運転費">#REF!</definedName>
    <definedName name="_ポンプ場総合試運転費_1">#REF!</definedName>
    <definedName name="_安全費" localSheetId="2">#REF!</definedName>
    <definedName name="_安全費">#REF!</definedName>
    <definedName name="_安全費_1">#REF!</definedName>
    <definedName name="_一般管理費等" localSheetId="2">#REF!</definedName>
    <definedName name="_一般管理費等">#REF!</definedName>
    <definedName name="_一般管理費等_1">#REF!</definedName>
    <definedName name="_運搬費" localSheetId="2">#REF!</definedName>
    <definedName name="_運搬費">#REF!</definedName>
    <definedName name="_運搬費_1">#REF!</definedName>
    <definedName name="_営繕費" localSheetId="2">#REF!</definedName>
    <definedName name="_営繕費">#REF!</definedName>
    <definedName name="_営繕費_1">#REF!</definedName>
    <definedName name="_汚泥処理総合試運転費" localSheetId="2">#REF!</definedName>
    <definedName name="_汚泥処理総合試運転費">#REF!</definedName>
    <definedName name="_汚泥処理総合試運転費_1">#REF!</definedName>
    <definedName name="_仮設費" localSheetId="2">#REF!</definedName>
    <definedName name="_仮設費">#REF!</definedName>
    <definedName name="_仮設費_1">#REF!</definedName>
    <definedName name="_画面1_" localSheetId="2">#REF!</definedName>
    <definedName name="_画面1_" localSheetId="1">#REF!</definedName>
    <definedName name="_画面1_">#REF!</definedName>
    <definedName name="_画面1__3">#REF!</definedName>
    <definedName name="_技術管理費" localSheetId="2">#REF!</definedName>
    <definedName name="_技術管理費">#REF!</definedName>
    <definedName name="_技術管理費_1">#REF!</definedName>
    <definedName name="_技術費" localSheetId="2">#REF!</definedName>
    <definedName name="_技術費">#REF!</definedName>
    <definedName name="_技術費_1">#REF!</definedName>
    <definedName name="_現場間接費" localSheetId="2">#REF!</definedName>
    <definedName name="_現場間接費">#REF!</definedName>
    <definedName name="_現場間接費_1">#REF!</definedName>
    <definedName name="_準備費" localSheetId="2">#REF!</definedName>
    <definedName name="_準備費">#REF!</definedName>
    <definedName name="_準備費_1">#REF!</definedName>
    <definedName name="_消費税相当額" localSheetId="2">#REF!</definedName>
    <definedName name="_消費税相当額">#REF!</definedName>
    <definedName name="_消費税相当額_1">#REF!</definedName>
    <definedName name="_水処理総合試運転費" localSheetId="2">#REF!</definedName>
    <definedName name="_水処理総合試運転費">#REF!</definedName>
    <definedName name="_水処理総合試運転費_1">#REF!</definedName>
    <definedName name="_据付工間接費" localSheetId="2">#REF!</definedName>
    <definedName name="_据付工間接費">#REF!</definedName>
    <definedName name="_据付工間接費_1">#REF!</definedName>
    <definedName name="_総合試運転費汚泥" localSheetId="2">#REF!</definedName>
    <definedName name="_総合試運転費汚泥">#REF!</definedName>
    <definedName name="_総合試運転費汚泥_1">#REF!</definedName>
    <definedName name="_補助材料費" localSheetId="2">#REF!</definedName>
    <definedName name="_補助材料費">#REF!</definedName>
    <definedName name="_補助材料費_1">#REF!</definedName>
    <definedName name="\????" localSheetId="2">#REF!</definedName>
    <definedName name="\????" localSheetId="1">#REF!</definedName>
    <definedName name="\????">#REF!</definedName>
    <definedName name="\0" localSheetId="2">#REF!</definedName>
    <definedName name="\0" localSheetId="1">#REF!</definedName>
    <definedName name="\0">#REF!</definedName>
    <definedName name="\1" localSheetId="2">#REF!</definedName>
    <definedName name="\1" localSheetId="1">#REF!</definedName>
    <definedName name="\1">#REF!</definedName>
    <definedName name="\2" localSheetId="2">#REF!</definedName>
    <definedName name="\2" localSheetId="1">#REF!</definedName>
    <definedName name="\2">#REF!</definedName>
    <definedName name="\a" localSheetId="2">#REF!</definedName>
    <definedName name="\a" localSheetId="1">#REF!</definedName>
    <definedName name="\a">#REF!</definedName>
    <definedName name="\b" localSheetId="2">#REF!</definedName>
    <definedName name="\b" localSheetId="1">#REF!</definedName>
    <definedName name="\b">#REF!</definedName>
    <definedName name="\c" localSheetId="2">#REF!</definedName>
    <definedName name="\c" localSheetId="1">#REF!</definedName>
    <definedName name="\c">#REF!</definedName>
    <definedName name="\d" localSheetId="2">#REF!</definedName>
    <definedName name="\d" localSheetId="1">#REF!</definedName>
    <definedName name="\d">#REF!</definedName>
    <definedName name="\e" localSheetId="2">#REF!</definedName>
    <definedName name="\e" localSheetId="1">#REF!</definedName>
    <definedName name="\e">#REF!</definedName>
    <definedName name="\f" localSheetId="2">#REF!</definedName>
    <definedName name="\f" localSheetId="1">#REF!</definedName>
    <definedName name="\f">#REF!</definedName>
    <definedName name="\g" localSheetId="2">#REF!</definedName>
    <definedName name="\g" localSheetId="1">#REF!</definedName>
    <definedName name="\g">#REF!</definedName>
    <definedName name="\h" localSheetId="2">#REF!</definedName>
    <definedName name="\h" localSheetId="1">#REF!</definedName>
    <definedName name="\h">#REF!</definedName>
    <definedName name="\i" localSheetId="2">#REF!</definedName>
    <definedName name="\i" localSheetId="1">#REF!</definedName>
    <definedName name="\i">#REF!</definedName>
    <definedName name="\j" localSheetId="2">#REF!</definedName>
    <definedName name="\j" localSheetId="1">#REF!</definedName>
    <definedName name="\j">#REF!</definedName>
    <definedName name="\k" localSheetId="2">#REF!</definedName>
    <definedName name="\k" localSheetId="1">#REF!</definedName>
    <definedName name="\k">#REF!</definedName>
    <definedName name="\l" localSheetId="2">#REF!</definedName>
    <definedName name="\l" localSheetId="1">#REF!</definedName>
    <definedName name="\l">#REF!</definedName>
    <definedName name="\m" localSheetId="2">#REF!</definedName>
    <definedName name="\m" localSheetId="1">#REF!</definedName>
    <definedName name="\m">#REF!</definedName>
    <definedName name="\n" localSheetId="2">#REF!</definedName>
    <definedName name="\n" localSheetId="1">#REF!</definedName>
    <definedName name="\n">#REF!</definedName>
    <definedName name="\o" localSheetId="2">#REF!</definedName>
    <definedName name="\o" localSheetId="1">#REF!</definedName>
    <definedName name="\o">#REF!</definedName>
    <definedName name="\p" localSheetId="2">#REF!</definedName>
    <definedName name="\p" localSheetId="1">#REF!</definedName>
    <definedName name="\p">#REF!</definedName>
    <definedName name="\q" localSheetId="2">#REF!</definedName>
    <definedName name="\q" localSheetId="1">#REF!</definedName>
    <definedName name="\q">#REF!</definedName>
    <definedName name="\r" localSheetId="2">#REF!</definedName>
    <definedName name="\r" localSheetId="1">#REF!</definedName>
    <definedName name="\r">#REF!</definedName>
    <definedName name="\s" localSheetId="2">#REF!</definedName>
    <definedName name="\s" localSheetId="1">#REF!</definedName>
    <definedName name="\s">#REF!</definedName>
    <definedName name="\t" localSheetId="2">#REF!</definedName>
    <definedName name="\t" localSheetId="1">#REF!</definedName>
    <definedName name="\t">#REF!</definedName>
    <definedName name="\u" localSheetId="2">#REF!</definedName>
    <definedName name="\u" localSheetId="1">#REF!</definedName>
    <definedName name="\u">#REF!</definedName>
    <definedName name="\v" localSheetId="2">#REF!</definedName>
    <definedName name="\v" localSheetId="1">#REF!</definedName>
    <definedName name="\v">#REF!</definedName>
    <definedName name="\w" localSheetId="2">#REF!</definedName>
    <definedName name="\w" localSheetId="1">#REF!</definedName>
    <definedName name="\w">#REF!</definedName>
    <definedName name="\x" localSheetId="2">#REF!</definedName>
    <definedName name="\x" localSheetId="1">#REF!</definedName>
    <definedName name="\x">#REF!</definedName>
    <definedName name="\y" localSheetId="2">#REF!</definedName>
    <definedName name="\y" localSheetId="1">#REF!</definedName>
    <definedName name="\y">#REF!</definedName>
    <definedName name="\z" localSheetId="2">#REF!</definedName>
    <definedName name="\z" localSheetId="1">#REF!</definedName>
    <definedName name="\z">#REF!</definedName>
    <definedName name="A" localSheetId="2">#REF!</definedName>
    <definedName name="A" localSheetId="1">#REF!</definedName>
    <definedName name="A">#REF!</definedName>
    <definedName name="A_1">#REF!</definedName>
    <definedName name="A_3">#REF!</definedName>
    <definedName name="ＡＡ" localSheetId="2">#REF!</definedName>
    <definedName name="ＡＡ" localSheetId="1">#REF!</definedName>
    <definedName name="ＡＡ">#REF!</definedName>
    <definedName name="ＡＡ_1">#REF!</definedName>
    <definedName name="ａａａ" localSheetId="2">#REF!</definedName>
    <definedName name="ａａａ" localSheetId="1">#REF!</definedName>
    <definedName name="ａａａ">#REF!</definedName>
    <definedName name="ａａａ_1">#REF!</definedName>
    <definedName name="ａａａ_3">#REF!</definedName>
    <definedName name="AccessDatabase" hidden="1">"D:\データ\エクセル\建築課\設計書原本\設計書NEC970813.mdb"</definedName>
    <definedName name="Anzen">Anzen</definedName>
    <definedName name="Anzen_1">Anzen_1</definedName>
    <definedName name="AS" localSheetId="2">#REF!</definedName>
    <definedName name="AS" localSheetId="1">#REF!</definedName>
    <definedName name="AS">#REF!</definedName>
    <definedName name="AS_1">#REF!</definedName>
    <definedName name="AS_3">#REF!</definedName>
    <definedName name="asd">asd</definedName>
    <definedName name="asd_1">asd_1</definedName>
    <definedName name="asy" localSheetId="2">#REF!</definedName>
    <definedName name="asy">#REF!</definedName>
    <definedName name="Ａ計" localSheetId="2">#REF!</definedName>
    <definedName name="Ａ計" localSheetId="1">#REF!</definedName>
    <definedName name="Ａ計">#REF!</definedName>
    <definedName name="Ａ計_1">#REF!</definedName>
    <definedName name="Ａ計_3">#REF!</definedName>
    <definedName name="Ａ通り側壁" localSheetId="2">#REF!</definedName>
    <definedName name="Ａ通り側壁" localSheetId="1">#REF!</definedName>
    <definedName name="Ａ通り側壁">#REF!</definedName>
    <definedName name="Ａ通り側壁_1">#REF!</definedName>
    <definedName name="Ａ通り側壁_3">#REF!</definedName>
    <definedName name="B" localSheetId="2">#REF!</definedName>
    <definedName name="B" localSheetId="1">#REF!</definedName>
    <definedName name="B">#REF!</definedName>
    <definedName name="Ｂ．電気設備工事" localSheetId="2">#REF!</definedName>
    <definedName name="Ｂ．電気設備工事" localSheetId="1">#REF!</definedName>
    <definedName name="Ｂ．電気設備工事">#REF!</definedName>
    <definedName name="B_1">#REF!</definedName>
    <definedName name="Ｂ_電気設備工事">#REF!</definedName>
    <definedName name="Ｂ_電気設備工事_3">#REF!</definedName>
    <definedName name="BAREA" localSheetId="2">#REF!</definedName>
    <definedName name="BAREA" localSheetId="1">#REF!</definedName>
    <definedName name="BAREA">#REF!</definedName>
    <definedName name="BAREA_1">#REF!</definedName>
    <definedName name="BAREA_3">#REF!</definedName>
    <definedName name="BAREA2" localSheetId="2">#REF!</definedName>
    <definedName name="BAREA2" localSheetId="1">#REF!</definedName>
    <definedName name="BAREA2">#REF!</definedName>
    <definedName name="BAREA2_1">#REF!</definedName>
    <definedName name="BAREA2_3">#REF!</definedName>
    <definedName name="BAREA3" localSheetId="2">#REF!</definedName>
    <definedName name="BAREA3" localSheetId="1">#REF!</definedName>
    <definedName name="BAREA3">#REF!</definedName>
    <definedName name="BAREA3_1">#REF!</definedName>
    <definedName name="BAREA3_3">#REF!</definedName>
    <definedName name="bassd">bassd</definedName>
    <definedName name="bassd_1">bassd_1</definedName>
    <definedName name="bbb" localSheetId="2">#REF!</definedName>
    <definedName name="bbb" localSheetId="1">#REF!</definedName>
    <definedName name="bbb">#REF!</definedName>
    <definedName name="bbb_1">#REF!</definedName>
    <definedName name="bbb_3">#REF!</definedName>
    <definedName name="ＢＧＭ設備工事" localSheetId="2">#REF!</definedName>
    <definedName name="ＢＧＭ設備工事" localSheetId="1">#REF!</definedName>
    <definedName name="ＢＧＭ設備工事">#REF!</definedName>
    <definedName name="ＢＧＭ設備工事_1">#REF!</definedName>
    <definedName name="ＢＧＭ設備工事_3">#REF!</definedName>
    <definedName name="bh">bh</definedName>
    <definedName name="bh_1">bh_1</definedName>
    <definedName name="ｂｊｍｇ">ｂｊｍｇ</definedName>
    <definedName name="ｂｊｍｇ_1">ｂｊｍｇ_1</definedName>
    <definedName name="bvjh">bvjh</definedName>
    <definedName name="bvjh_1">bvjh_1</definedName>
    <definedName name="Ｂ屋内運動場">Ｂ屋内運動場</definedName>
    <definedName name="Ｂ屋内運動場_1">Ｂ屋内運動場_1</definedName>
    <definedName name="Ｂ計" localSheetId="2">#REF!</definedName>
    <definedName name="Ｂ計" localSheetId="1">#REF!</definedName>
    <definedName name="Ｂ計">#REF!</definedName>
    <definedName name="Ｂ計_1">#REF!</definedName>
    <definedName name="Ｂ計_3">#REF!</definedName>
    <definedName name="C_COLUMNDATA1" localSheetId="2">#REF!</definedName>
    <definedName name="C_COLUMNDATA1">#REF!</definedName>
    <definedName name="C_COLUMNDATA1_1">#REF!</definedName>
    <definedName name="C_COLUMNDATA2" localSheetId="2">#REF!</definedName>
    <definedName name="C_COLUMNDATA2">#REF!</definedName>
    <definedName name="C_COLUMNDATA2_1">#REF!</definedName>
    <definedName name="C_COLUMNDATA3" localSheetId="2">#REF!</definedName>
    <definedName name="C_COLUMNDATA3">#REF!</definedName>
    <definedName name="C_COLUMNDATA3_1">#REF!</definedName>
    <definedName name="C_COLUMNDATA4" localSheetId="2">#REF!</definedName>
    <definedName name="C_COLUMNDATA4">#REF!</definedName>
    <definedName name="C_COLUMNDATA4_1">#REF!</definedName>
    <definedName name="C_COLUMNDATA5" localSheetId="2">#REF!</definedName>
    <definedName name="C_COLUMNDATA5">#REF!</definedName>
    <definedName name="C_COLUMNDATA5_1">#REF!</definedName>
    <definedName name="C_COLUMNDATA6" localSheetId="2">#REF!</definedName>
    <definedName name="C_COLUMNDATA6">#REF!</definedName>
    <definedName name="C_COLUMNDATA6_1">#REF!</definedName>
    <definedName name="C_COLUMNDATA7" localSheetId="2">#REF!</definedName>
    <definedName name="C_COLUMNDATA7">#REF!</definedName>
    <definedName name="C_COLUMNDATA7_1">#REF!</definedName>
    <definedName name="C_COLUMNDATA8" localSheetId="2">#REF!</definedName>
    <definedName name="C_COLUMNDATA8">#REF!</definedName>
    <definedName name="C_COLUMNDATA8_1">#REF!</definedName>
    <definedName name="C_COLUMNDATA9" localSheetId="2">#REF!</definedName>
    <definedName name="C_COLUMNDATA9">#REF!</definedName>
    <definedName name="C_COLUMNDATA9_1">#REF!</definedName>
    <definedName name="C_GETSHEET" localSheetId="2">#REF!</definedName>
    <definedName name="C_GETSHEET">#REF!</definedName>
    <definedName name="C_GETSHEET_1">#REF!</definedName>
    <definedName name="C_INFILE" localSheetId="2">#REF!</definedName>
    <definedName name="C_INFILE">#REF!</definedName>
    <definedName name="C_INFILE_1">#REF!</definedName>
    <definedName name="C_INPATH" localSheetId="2">#REF!</definedName>
    <definedName name="C_INPATH">#REF!</definedName>
    <definedName name="C_INPATH_1">#REF!</definedName>
    <definedName name="C_INSHEET" localSheetId="2">#REF!</definedName>
    <definedName name="C_INSHEET">#REF!</definedName>
    <definedName name="C_INSHEET_1">#REF!</definedName>
    <definedName name="C_ROWDATA" localSheetId="2">#REF!</definedName>
    <definedName name="C_ROWDATA">#REF!</definedName>
    <definedName name="C_ROWDATA_1">#REF!</definedName>
    <definedName name="ccc" localSheetId="2">#REF!</definedName>
    <definedName name="ccc" localSheetId="1">#REF!</definedName>
    <definedName name="ccc">#REF!</definedName>
    <definedName name="ccc_1">#REF!</definedName>
    <definedName name="ccc_3">#REF!</definedName>
    <definedName name="cdfe">cdfe</definedName>
    <definedName name="cdfe_1">cdfe_1</definedName>
    <definedName name="ｃｊｄｇｂｈｃ">ｃｊｄｇｂｈｃ</definedName>
    <definedName name="ｃｊｄｇｂｈｃ_1">ｃｊｄｇｂｈｃ_1</definedName>
    <definedName name="_xlnm.Criteria" localSheetId="2">#REF!</definedName>
    <definedName name="_xlnm.Criteria" localSheetId="1">#REF!</definedName>
    <definedName name="_xlnm.Criteria">#REF!</definedName>
    <definedName name="DA">#REF!</definedName>
    <definedName name="DA_12">#REF!</definedName>
    <definedName name="DA_16">#REF!</definedName>
    <definedName name="DA_17">#REF!</definedName>
    <definedName name="DATA1" localSheetId="2">#REF!</definedName>
    <definedName name="DATA1" localSheetId="1">#REF!</definedName>
    <definedName name="DATA1">#REF!</definedName>
    <definedName name="DATA1_1">#REF!</definedName>
    <definedName name="DATA1_3">#REF!</definedName>
    <definedName name="DATA2" localSheetId="2">#REF!</definedName>
    <definedName name="DATA2" localSheetId="1">#REF!</definedName>
    <definedName name="DATA2">#REF!</definedName>
    <definedName name="DATA2_1">#REF!</definedName>
    <definedName name="DATA2_3">#REF!</definedName>
    <definedName name="DATA3" localSheetId="2">#REF!</definedName>
    <definedName name="DATA3" localSheetId="1">#REF!</definedName>
    <definedName name="DATA3">#REF!</definedName>
    <definedName name="DATA3_1">#REF!</definedName>
    <definedName name="DATA3_3">#REF!</definedName>
    <definedName name="DATA4">#REF!</definedName>
    <definedName name="DATA5">#REF!</definedName>
    <definedName name="DATA6">#REF!</definedName>
    <definedName name="DATE1" localSheetId="2">#REF!</definedName>
    <definedName name="DATE1" localSheetId="1">#REF!</definedName>
    <definedName name="DATE1">#REF!</definedName>
    <definedName name="DATE1_3">#REF!</definedName>
    <definedName name="DATE10" localSheetId="2">#REF!</definedName>
    <definedName name="DATE10" localSheetId="1">#REF!</definedName>
    <definedName name="DATE10">#REF!</definedName>
    <definedName name="DATE10_3">#REF!</definedName>
    <definedName name="DATE11" localSheetId="2">#REF!</definedName>
    <definedName name="DATE11" localSheetId="1">#REF!</definedName>
    <definedName name="DATE11">#REF!</definedName>
    <definedName name="DATE11_3">#REF!</definedName>
    <definedName name="DATE2" localSheetId="2">#REF!</definedName>
    <definedName name="DATE2" localSheetId="1">#REF!</definedName>
    <definedName name="DATE2">#REF!</definedName>
    <definedName name="DATE2_3">#REF!</definedName>
    <definedName name="DATE20" localSheetId="2">#REF!</definedName>
    <definedName name="DATE20" localSheetId="1">#REF!</definedName>
    <definedName name="DATE20">#REF!</definedName>
    <definedName name="DATE3" localSheetId="2">#REF!</definedName>
    <definedName name="DATE3" localSheetId="1">#REF!</definedName>
    <definedName name="DATE3">#REF!</definedName>
    <definedName name="DATE3_3">#REF!</definedName>
    <definedName name="DATE4" localSheetId="2">#REF!</definedName>
    <definedName name="DATE4" localSheetId="1">#REF!</definedName>
    <definedName name="DATE4">#REF!</definedName>
    <definedName name="DATE4_3">#REF!</definedName>
    <definedName name="DATE5" localSheetId="2">#REF!</definedName>
    <definedName name="DATE5" localSheetId="1">#REF!</definedName>
    <definedName name="DATE5">#REF!</definedName>
    <definedName name="DATE5_3">#REF!</definedName>
    <definedName name="DATE6" localSheetId="2">#REF!</definedName>
    <definedName name="DATE6" localSheetId="1">#REF!</definedName>
    <definedName name="DATE6">#REF!</definedName>
    <definedName name="DATE6_3">#REF!</definedName>
    <definedName name="DATE7" localSheetId="2">#REF!</definedName>
    <definedName name="DATE7" localSheetId="1">#REF!</definedName>
    <definedName name="DATE7">#REF!</definedName>
    <definedName name="DATE7_3">#REF!</definedName>
    <definedName name="DATE8" localSheetId="2">#REF!</definedName>
    <definedName name="DATE8" localSheetId="1">#REF!</definedName>
    <definedName name="DATE8">#REF!</definedName>
    <definedName name="DATE8_3">#REF!</definedName>
    <definedName name="DATE9" localSheetId="2">#REF!</definedName>
    <definedName name="DATE9" localSheetId="1">#REF!</definedName>
    <definedName name="DATE9">#REF!</definedName>
    <definedName name="DATE9_3">#REF!</definedName>
    <definedName name="DCK">#REF!</definedName>
    <definedName name="ddd" localSheetId="2">#REF!</definedName>
    <definedName name="ddd" localSheetId="1">#REF!</definedName>
    <definedName name="ddd">#REF!</definedName>
    <definedName name="ddd_1">#REF!</definedName>
    <definedName name="ddd_3">#REF!</definedName>
    <definedName name="DE" localSheetId="2">#REF!</definedName>
    <definedName name="DE" localSheetId="1">#REF!</definedName>
    <definedName name="DE">#REF!</definedName>
    <definedName name="DE_1">#REF!</definedName>
    <definedName name="DE_12">#REF!</definedName>
    <definedName name="DE_16">#REF!</definedName>
    <definedName name="DE_17">#REF!</definedName>
    <definedName name="DE_3">#REF!</definedName>
    <definedName name="denki" localSheetId="2">#REF!</definedName>
    <definedName name="denki" localSheetId="1">#REF!</definedName>
    <definedName name="denki">#REF!</definedName>
    <definedName name="denki_1">#REF!</definedName>
    <definedName name="denki_3">#REF!</definedName>
    <definedName name="DK">#REF!</definedName>
    <definedName name="DK_12">#REF!</definedName>
    <definedName name="DK_16">#REF!</definedName>
    <definedName name="DK_17">#REF!</definedName>
    <definedName name="Doryoku">Doryoku</definedName>
    <definedName name="Doryoku_1">Doryoku_1</definedName>
    <definedName name="eee" localSheetId="2">#REF!</definedName>
    <definedName name="eee" localSheetId="1">#REF!</definedName>
    <definedName name="eee">#REF!</definedName>
    <definedName name="eee_1">#REF!</definedName>
    <definedName name="eee_3">#REF!</definedName>
    <definedName name="ｅｅｅｅ">ｅｅｅｅ</definedName>
    <definedName name="ｅｅｅｅ_1">ｅｅｅｅ_1</definedName>
    <definedName name="EP__PB面_____壁" localSheetId="2">#REF!</definedName>
    <definedName name="EP__PB面_____壁" localSheetId="1">#REF!</definedName>
    <definedName name="EP__PB面_____壁">#REF!</definedName>
    <definedName name="EP__PB面_____壁_1">#REF!</definedName>
    <definedName name="EP__PB面_____壁_3">#REF!</definedName>
    <definedName name="Excel_BuiltIn_Criteria">#REF!</definedName>
    <definedName name="Excel_BuiltIn_Criteria_3">#REF!</definedName>
    <definedName name="Excel_BuiltIn_Print_Area">#REF!</definedName>
    <definedName name="Excel_BuiltIn_Print_Area_3">"$#REF!.$A$1:$U$37"</definedName>
    <definedName name="Excel_BuiltIn_Print_Area_3_1">"$#REF!.$A$1:$U$37"</definedName>
    <definedName name="Excel_BuiltIn_Print_Titles">#REF!</definedName>
    <definedName name="E通り側壁" localSheetId="2">#REF!</definedName>
    <definedName name="E通り側壁" localSheetId="1">#REF!</definedName>
    <definedName name="E通り側壁">#REF!</definedName>
    <definedName name="E通り側壁_1">#REF!</definedName>
    <definedName name="E通り側壁_3">#REF!</definedName>
    <definedName name="FK">#REF!</definedName>
    <definedName name="FK_12">#REF!</definedName>
    <definedName name="FK_16">#REF!</definedName>
    <definedName name="FK_17">#REF!</definedName>
    <definedName name="G1286Ａ１">#REF!</definedName>
    <definedName name="G1286Ａ１_1">#REF!</definedName>
    <definedName name="G1286Ａ１_10">#REF!</definedName>
    <definedName name="ｇｃｈ">ｇｃｈ</definedName>
    <definedName name="ｇｃｈ_1">ｇｃｈ_1</definedName>
    <definedName name="Genbakehi">Genbakehi</definedName>
    <definedName name="Genbakehi_1">Genbakehi_1</definedName>
    <definedName name="h">[1]ごみ処理!$A$1:$IV$3</definedName>
    <definedName name="Ｈ９年４月度____________________暫定設計金額" localSheetId="2">#REF!</definedName>
    <definedName name="Ｈ９年４月度____________________暫定設計金額" localSheetId="1">#REF!</definedName>
    <definedName name="Ｈ９年４月度____________________暫定設計金額">#REF!</definedName>
    <definedName name="Ｈ９年４月度____________________暫定設計金額_1">#REF!</definedName>
    <definedName name="Ｈ９年４月度____________________暫定設計金額_3">#REF!</definedName>
    <definedName name="HCK">#REF!</definedName>
    <definedName name="hf">#REF!</definedName>
    <definedName name="hf_1">#REF!</definedName>
    <definedName name="hf_10">#REF!</definedName>
    <definedName name="ｈｊｈ">ｈｊｈ</definedName>
    <definedName name="ｈｊｈ_1">ｈｊｈ_1</definedName>
    <definedName name="hk" localSheetId="2">#REF!</definedName>
    <definedName name="hk">#REF!</definedName>
    <definedName name="hk_1">#REF!</definedName>
    <definedName name="HK_12">#REF!</definedName>
    <definedName name="HK_16">#REF!</definedName>
    <definedName name="HK_17">#REF!</definedName>
    <definedName name="hk_3">#REF!</definedName>
    <definedName name="ｈｎｇｈｙ">ｈｎｇｈｙ</definedName>
    <definedName name="ｈｎｇｈｙ_1">ｈｎｇｈｙ_1</definedName>
    <definedName name="HO">#REF!</definedName>
    <definedName name="HO_12">#REF!</definedName>
    <definedName name="HO_16">#REF!</definedName>
    <definedName name="HO_17">#REF!</definedName>
    <definedName name="HT">#REF!</definedName>
    <definedName name="HT_12">#REF!</definedName>
    <definedName name="HT_16">#REF!</definedName>
    <definedName name="HT_17">#REF!</definedName>
    <definedName name="HU">#REF!</definedName>
    <definedName name="HYOU">#REF!</definedName>
    <definedName name="HYOU1">#REF!</definedName>
    <definedName name="I" localSheetId="2">#REF!</definedName>
    <definedName name="I">#REF!</definedName>
    <definedName name="I_1">#REF!</definedName>
    <definedName name="IN_KNN" localSheetId="2">#REF!</definedName>
    <definedName name="IN_KNN" localSheetId="1">#REF!</definedName>
    <definedName name="IN_KNN">#REF!</definedName>
    <definedName name="IN_KNN_1">#REF!</definedName>
    <definedName name="IN_KNN_3">#REF!</definedName>
    <definedName name="insatu" localSheetId="2">#REF!</definedName>
    <definedName name="insatu" localSheetId="1">#REF!</definedName>
    <definedName name="insatu">#REF!</definedName>
    <definedName name="insatu_1">#REF!</definedName>
    <definedName name="Ippankanri">Ippankanri</definedName>
    <definedName name="Ippankanri_1">Ippankanri_1</definedName>
    <definedName name="IV" localSheetId="2">[2]!IV電線</definedName>
    <definedName name="IV" localSheetId="1">[2]!IV電線</definedName>
    <definedName name="IV">[2]!IV電線</definedName>
    <definedName name="IV_1">#N/A</definedName>
    <definedName name="IV電線" localSheetId="2">[2]!IV電線</definedName>
    <definedName name="IV電線" localSheetId="1">[2]!IV電線</definedName>
    <definedName name="IV電線">[2]!IV電線</definedName>
    <definedName name="IV電線_1">#N/A</definedName>
    <definedName name="JI" localSheetId="2">#REF!</definedName>
    <definedName name="JI" localSheetId="1">#REF!</definedName>
    <definedName name="JI">#REF!</definedName>
    <definedName name="JI_3">#REF!</definedName>
    <definedName name="Junbi">Junbi</definedName>
    <definedName name="Junbi_1">Junbi_1</definedName>
    <definedName name="K" localSheetId="2">#REF!</definedName>
    <definedName name="K" localSheetId="1">#REF!</definedName>
    <definedName name="K">#REF!</definedName>
    <definedName name="K_1">#REF!</definedName>
    <definedName name="K_3">#REF!</definedName>
    <definedName name="ka" localSheetId="2">#REF!</definedName>
    <definedName name="ka" localSheetId="1">#REF!</definedName>
    <definedName name="ka">#REF!</definedName>
    <definedName name="ka_1">#REF!</definedName>
    <definedName name="ka_3">#REF!</definedName>
    <definedName name="KAN" localSheetId="2">#REF!</definedName>
    <definedName name="KAN">#REF!</definedName>
    <definedName name="KAN_1">#REF!</definedName>
    <definedName name="kasetsu">kasetsu</definedName>
    <definedName name="kasetsu_1">kasetsu_1</definedName>
    <definedName name="kee" localSheetId="2">#REF!</definedName>
    <definedName name="kee">#REF!</definedName>
    <definedName name="kee_1">#REF!</definedName>
    <definedName name="khi" localSheetId="2">#REF!</definedName>
    <definedName name="khi">#REF!</definedName>
    <definedName name="khi_1">#REF!</definedName>
    <definedName name="ｋｉｊｉ" localSheetId="2">#REF!</definedName>
    <definedName name="ｋｉｊｉ" localSheetId="1">#REF!</definedName>
    <definedName name="ｋｉｊｉ">#REF!</definedName>
    <definedName name="ｋｉｊｉ_1">#REF!</definedName>
    <definedName name="Kikai">Kikai</definedName>
    <definedName name="Kikai_1">Kikai_1</definedName>
    <definedName name="KK">#REF!</definedName>
    <definedName name="KKI">#REF!</definedName>
    <definedName name="KP">[3]労務!$B$14</definedName>
    <definedName name="KP_12">[4]労務!$B$14</definedName>
    <definedName name="KP_16">[4]労務!$B$14</definedName>
    <definedName name="KP_17">[4]労務!$B$14</definedName>
    <definedName name="KT">#REF!</definedName>
    <definedName name="KT_12">#REF!</definedName>
    <definedName name="KT_16">#REF!</definedName>
    <definedName name="KT_17">#REF!</definedName>
    <definedName name="KTP">#REF!</definedName>
    <definedName name="KTP_12">#REF!</definedName>
    <definedName name="KTP_16">#REF!</definedName>
    <definedName name="KTP_17">#REF!</definedName>
    <definedName name="l" localSheetId="2">#REF!</definedName>
    <definedName name="l">#REF!</definedName>
    <definedName name="l_1">#REF!</definedName>
    <definedName name="m" localSheetId="2">#REF!</definedName>
    <definedName name="m" localSheetId="1">#REF!</definedName>
    <definedName name="m">#REF!</definedName>
    <definedName name="m_3">#REF!</definedName>
    <definedName name="ｍｂｊｋｂ">ｍｂｊｋｂ</definedName>
    <definedName name="ｍｂｊｋｂ_1">ｍｂｊｋｂ_1</definedName>
    <definedName name="MI">#REF!</definedName>
    <definedName name="mmmbn">mmmbn</definedName>
    <definedName name="mmmbn_1">mmmbn_1</definedName>
    <definedName name="Module12.キャンセル" localSheetId="2">[5]!Module12.キャンセル</definedName>
    <definedName name="Module12.キャンセル" localSheetId="1">[5]!Module12.キャンセル</definedName>
    <definedName name="Module12.キャンセル">[5]!Module12.キャンセル</definedName>
    <definedName name="Module12.キャンセル_1">#N/A</definedName>
    <definedName name="n" localSheetId="2">#REF!</definedName>
    <definedName name="n" localSheetId="1">#REF!</definedName>
    <definedName name="n">#REF!</definedName>
    <definedName name="n_3">#REF!</definedName>
    <definedName name="N_30">1</definedName>
    <definedName name="NL">#REF!</definedName>
    <definedName name="ＯＤ盛土部軸ABDE" localSheetId="2">#REF!</definedName>
    <definedName name="ＯＤ盛土部軸ABDE" localSheetId="1">#REF!</definedName>
    <definedName name="ＯＤ盛土部軸ABDE">#REF!</definedName>
    <definedName name="ＯＤ盛土部軸ABDE_1">#REF!</definedName>
    <definedName name="ＯＤ盛土部軸ABDE_3">#REF!</definedName>
    <definedName name="ＯＤ盛土部軸ＢＤ" localSheetId="2">#REF!</definedName>
    <definedName name="ＯＤ盛土部軸ＢＤ" localSheetId="1">#REF!</definedName>
    <definedName name="ＯＤ盛土部軸ＢＤ">#REF!</definedName>
    <definedName name="ＯＤ盛土部軸ＢＤ_1">#REF!</definedName>
    <definedName name="ＯＤ盛土部軸ＢＤ_3">#REF!</definedName>
    <definedName name="OD盛土部軸高" localSheetId="2">#REF!</definedName>
    <definedName name="OD盛土部軸高" localSheetId="1">#REF!</definedName>
    <definedName name="OD盛土部軸高">#REF!</definedName>
    <definedName name="OD盛土部軸高_1">#REF!</definedName>
    <definedName name="OD盛土部軸高_3">#REF!</definedName>
    <definedName name="Ｏｋ">Ｏｋ</definedName>
    <definedName name="Ｏｋ_1">Ｏｋ_1</definedName>
    <definedName name="p" localSheetId="2">#REF!</definedName>
    <definedName name="p" localSheetId="1">#REF!</definedName>
    <definedName name="p">#REF!</definedName>
    <definedName name="p_1">#REF!</definedName>
    <definedName name="p_3">#REF!</definedName>
    <definedName name="P_30">FALSE</definedName>
    <definedName name="PAa" localSheetId="2">#REF!</definedName>
    <definedName name="PAa" localSheetId="1">#REF!</definedName>
    <definedName name="PAa">#REF!</definedName>
    <definedName name="page">#REF!</definedName>
    <definedName name="page_10">#REF!</definedName>
    <definedName name="PK">#REF!</definedName>
    <definedName name="PMI">#REF!</definedName>
    <definedName name="PP" localSheetId="2">#REF!</definedName>
    <definedName name="PP" localSheetId="1">#REF!</definedName>
    <definedName name="PP">#REF!</definedName>
    <definedName name="PP_3">#REF!</definedName>
    <definedName name="PR_KBN" localSheetId="2">#REF!</definedName>
    <definedName name="PR_KBN" localSheetId="1">#REF!</definedName>
    <definedName name="PR_KBN">#REF!</definedName>
    <definedName name="PR_KBN_1">#REF!</definedName>
    <definedName name="PR_KBN_3">#REF!</definedName>
    <definedName name="PR_MSG" localSheetId="2">#REF!</definedName>
    <definedName name="PR_MSG" localSheetId="1">#REF!</definedName>
    <definedName name="PR_MSG">#REF!</definedName>
    <definedName name="PR_MSG_1">#REF!</definedName>
    <definedName name="PR_MSG_3">#REF!</definedName>
    <definedName name="PRINNT_TITLEs" localSheetId="2">#REF!</definedName>
    <definedName name="PRINNT_TITLEs" localSheetId="1">#REF!</definedName>
    <definedName name="PRINNT_TITLEs">#REF!</definedName>
    <definedName name="PRINNT_TITLEs_1">#REF!</definedName>
    <definedName name="PRINNT_TITLEs_3">#REF!</definedName>
    <definedName name="_xlnm.Print_Area" localSheetId="2">'科目 '!$A$1:$H$33</definedName>
    <definedName name="_xlnm.Print_Area" localSheetId="3">細目!$B$1:$J$1056</definedName>
    <definedName name="_xlnm.Print_Area" localSheetId="1">総括!$A$1:$H$31</definedName>
    <definedName name="_xlnm.Print_Area">#REF!</definedName>
    <definedName name="Print_Area_MI" localSheetId="2">#REF!</definedName>
    <definedName name="Print_Area_MI" localSheetId="1">#REF!</definedName>
    <definedName name="Print_Area_MI">#REF!</definedName>
    <definedName name="Print_Area_MI_1">#REF!</definedName>
    <definedName name="Print_Area_MI_3">#REF!</definedName>
    <definedName name="_xlnm.Print_Titles">#REF!</definedName>
    <definedName name="PRINT_TITLES_" localSheetId="2">#REF!</definedName>
    <definedName name="PRINT_TITLES_" localSheetId="1">#REF!</definedName>
    <definedName name="PRINT_TITLES_">#REF!</definedName>
    <definedName name="PRINT_TITLES__1">#REF!</definedName>
    <definedName name="PRINT_TITLES__3">#REF!</definedName>
    <definedName name="PRINT_TITLES_MI" localSheetId="2">#REF!</definedName>
    <definedName name="PRINT_TITLES_MI" localSheetId="1">#REF!</definedName>
    <definedName name="PRINT_TITLES_MI">#REF!</definedName>
    <definedName name="PRINT_TITLES_MI_1">#REF!</definedName>
    <definedName name="PRINT_TITLES_MI_10">#REF!</definedName>
    <definedName name="PRINT_TITLES_MI_3">#REF!</definedName>
    <definedName name="PRINTTITLE">#REF!</definedName>
    <definedName name="PRINTTITLE_11">#REF!</definedName>
    <definedName name="PRINTTITLE_15">#REF!</definedName>
    <definedName name="prinTtitles" localSheetId="2">#REF!</definedName>
    <definedName name="prinTtitles" localSheetId="1">#REF!</definedName>
    <definedName name="prinTtitles">#REF!</definedName>
    <definedName name="PRINTTITLES_" localSheetId="2">#REF!</definedName>
    <definedName name="PRINTTITLES_" localSheetId="1">#REF!</definedName>
    <definedName name="PRINTTITLES_">#REF!</definedName>
    <definedName name="PRINTTITLES__1">#REF!</definedName>
    <definedName name="PRINTTITLES__3">#REF!</definedName>
    <definedName name="prinTtitles_1">#REF!</definedName>
    <definedName name="prinTtitles_3">#REF!</definedName>
    <definedName name="RECO1" localSheetId="2">#REF!</definedName>
    <definedName name="RECO1" localSheetId="1">#REF!</definedName>
    <definedName name="RECO1">#REF!</definedName>
    <definedName name="RECO1_3">#REF!</definedName>
    <definedName name="RECO2" localSheetId="2">#REF!</definedName>
    <definedName name="RECO2" localSheetId="1">#REF!</definedName>
    <definedName name="RECO2">#REF!</definedName>
    <definedName name="RECO2_3">#REF!</definedName>
    <definedName name="RECO3" localSheetId="2">#REF!</definedName>
    <definedName name="RECO3" localSheetId="1">#REF!</definedName>
    <definedName name="RECO3">#REF!</definedName>
    <definedName name="RECO3_3">#REF!</definedName>
    <definedName name="RECO4" localSheetId="2">#REF!</definedName>
    <definedName name="RECO4" localSheetId="1">#REF!</definedName>
    <definedName name="RECO4">#REF!</definedName>
    <definedName name="RECO4_3">#REF!</definedName>
    <definedName name="RECO5" localSheetId="2">#REF!</definedName>
    <definedName name="RECO5" localSheetId="1">#REF!</definedName>
    <definedName name="RECO5">#REF!</definedName>
    <definedName name="RECO5_3">#REF!</definedName>
    <definedName name="RECO6" localSheetId="2">#REF!</definedName>
    <definedName name="RECO6" localSheetId="1">#REF!</definedName>
    <definedName name="RECO6">#REF!</definedName>
    <definedName name="RECO6_3">#REF!</definedName>
    <definedName name="RECO7" localSheetId="2">#REF!</definedName>
    <definedName name="RECO7" localSheetId="1">#REF!</definedName>
    <definedName name="RECO7">#REF!</definedName>
    <definedName name="RECO7_3">#REF!</definedName>
    <definedName name="RECO8" localSheetId="2">#REF!</definedName>
    <definedName name="RECO8" localSheetId="1">#REF!</definedName>
    <definedName name="RECO8">#REF!</definedName>
    <definedName name="RECO8_3">#REF!</definedName>
    <definedName name="RECO9" localSheetId="2">#REF!</definedName>
    <definedName name="RECO9" localSheetId="1">#REF!</definedName>
    <definedName name="RECO9">#REF!</definedName>
    <definedName name="RECO9_3">#REF!</definedName>
    <definedName name="Record16" localSheetId="2">[5]!Record16</definedName>
    <definedName name="Record16" localSheetId="1">[5]!Record16</definedName>
    <definedName name="Record16">[5]!Record16</definedName>
    <definedName name="Record16_1">#N/A</definedName>
    <definedName name="Record2">#REF!</definedName>
    <definedName name="Record2_1">#REF!</definedName>
    <definedName name="Record2_3">#REF!</definedName>
    <definedName name="s" localSheetId="2">#REF!</definedName>
    <definedName name="s" localSheetId="1">#REF!</definedName>
    <definedName name="s">#REF!</definedName>
    <definedName name="s_3">#REF!</definedName>
    <definedName name="S_30">FALSE</definedName>
    <definedName name="Ｓ２通り" localSheetId="2">#REF!</definedName>
    <definedName name="Ｓ２通り" localSheetId="1">#REF!</definedName>
    <definedName name="Ｓ２通り">#REF!</definedName>
    <definedName name="Ｓ２通り_1">#REF!</definedName>
    <definedName name="Ｓ２通り_3">#REF!</definedName>
    <definedName name="Ｓ３通り" localSheetId="2">#REF!</definedName>
    <definedName name="Ｓ３通り" localSheetId="1">#REF!</definedName>
    <definedName name="Ｓ３通り">#REF!</definedName>
    <definedName name="Ｓ３通り_1">#REF!</definedName>
    <definedName name="Ｓ３通り_3">#REF!</definedName>
    <definedName name="SE">#REF!</definedName>
    <definedName name="SE_12">#REF!</definedName>
    <definedName name="SE_16">#REF!</definedName>
    <definedName name="SE_17">#REF!</definedName>
    <definedName name="Seiso">Seiso</definedName>
    <definedName name="Seiso_1">Seiso_1</definedName>
    <definedName name="Shiken">Shiken</definedName>
    <definedName name="Shiken_1">Shiken_1</definedName>
    <definedName name="Ｓｊｋ">Ｓｊｋ</definedName>
    <definedName name="Ｓｊｋ_1">Ｓｊｋ_1</definedName>
    <definedName name="SK">#REF!</definedName>
    <definedName name="Sonota">Sonota</definedName>
    <definedName name="Sonota_1">Sonota_1</definedName>
    <definedName name="sp">'[6]ssﾀﾞｸﾄ拾い(1)'!$A$20:$AB$65</definedName>
    <definedName name="sSon0ta1">sSon0ta1</definedName>
    <definedName name="sSon0ta1_1">sSon0ta1_1</definedName>
    <definedName name="szzssasssss">szzssasssss</definedName>
    <definedName name="szzssasssss_1">szzssasssss_1</definedName>
    <definedName name="Ｓ手摺壁" localSheetId="2">#REF!</definedName>
    <definedName name="Ｓ手摺壁" localSheetId="1">#REF!</definedName>
    <definedName name="Ｓ手摺壁">#REF!</definedName>
    <definedName name="Ｓ手摺壁_1">#REF!</definedName>
    <definedName name="Ｓ手摺壁_3">#REF!</definedName>
    <definedName name="T" localSheetId="2">#REF!</definedName>
    <definedName name="T">#REF!</definedName>
    <definedName name="T_1">#REF!</definedName>
    <definedName name="take" localSheetId="2">#REF!</definedName>
    <definedName name="take">#REF!</definedName>
    <definedName name="take_1">#REF!</definedName>
    <definedName name="TK">#REF!</definedName>
    <definedName name="U" localSheetId="2">#REF!</definedName>
    <definedName name="U">#REF!</definedName>
    <definedName name="U_1">#REF!</definedName>
    <definedName name="ua" localSheetId="2">#REF!</definedName>
    <definedName name="ua" localSheetId="1">#REF!</definedName>
    <definedName name="ua">#REF!</definedName>
    <definedName name="ua_1">#REF!</definedName>
    <definedName name="Ｕｎｋ">Ｕｎｋ</definedName>
    <definedName name="Ｕｎｋ_1">Ｕｎｋ_1</definedName>
    <definedName name="Unpan">Unpan</definedName>
    <definedName name="Unpan_1">Unpan_1</definedName>
    <definedName name="UP率" localSheetId="2">[2]!UP率</definedName>
    <definedName name="UP率" localSheetId="1">[2]!UP率</definedName>
    <definedName name="UP率">[2]!UP率</definedName>
    <definedName name="UP率_1">#N/A</definedName>
    <definedName name="VD" localSheetId="2">#REF!</definedName>
    <definedName name="VD">#REF!</definedName>
    <definedName name="VD_1">#REF!</definedName>
    <definedName name="vvvv">vvvv</definedName>
    <definedName name="vvvv_1">vvvv_1</definedName>
    <definedName name="W" localSheetId="2">#REF!</definedName>
    <definedName name="W" localSheetId="1">#REF!</definedName>
    <definedName name="W">#REF!</definedName>
    <definedName name="W_1">#REF!</definedName>
    <definedName name="W_3">#REF!</definedName>
    <definedName name="WELD">[7]鋼材!$K$2:$Q$33</definedName>
    <definedName name="www">www</definedName>
    <definedName name="www_1">www_1</definedName>
    <definedName name="xASasxa">xASasxa</definedName>
    <definedName name="xASasxa_1">xASasxa_1</definedName>
    <definedName name="XMIN">#REF!</definedName>
    <definedName name="ｘｓ">ｘｓ</definedName>
    <definedName name="ｘｓ_1">ｘｓ_1</definedName>
    <definedName name="xSZxZ">xSZxZ</definedName>
    <definedName name="xSZxZ_1">xSZxZ_1</definedName>
    <definedName name="xxAxaX">xxAxaX</definedName>
    <definedName name="xxAxaX_1">xxAxaX_1</definedName>
    <definedName name="xxbxhs">xxbxhs</definedName>
    <definedName name="xxbxhs_1">xxbxhs_1</definedName>
    <definedName name="Z" hidden="1">#REF!</definedName>
    <definedName name="Z_6D18A5F7_F0E7_4A93_9065_D343C7BBD477_.wvu.PrintArea" localSheetId="2" hidden="1">'科目 '!$A$1:$H$33</definedName>
    <definedName name="Z_6D18A5F7_F0E7_4A93_9065_D343C7BBD477_.wvu.PrintArea" localSheetId="3" hidden="1">細目!$B$67:$J$97</definedName>
    <definedName name="Z_6D18A5F7_F0E7_4A93_9065_D343C7BBD477_.wvu.PrintArea" localSheetId="1" hidden="1">総括!$A$1:$H$31</definedName>
    <definedName name="Z_E64B7BBB_11CD_4FAD_B6E8_3BA52AE12542_.wvu.PrintArea" localSheetId="2" hidden="1">'科目 '!$A$1:$H$33</definedName>
    <definedName name="Z_E64B7BBB_11CD_4FAD_B6E8_3BA52AE12542_.wvu.PrintArea" localSheetId="3" hidden="1">細目!$B$67:$J$97</definedName>
    <definedName name="Z_E64B7BBB_11CD_4FAD_B6E8_3BA52AE12542_.wvu.PrintArea" localSheetId="1" hidden="1">総括!$A$1:$H$31</definedName>
    <definedName name="ｚｘＺ">ｚｘＺ</definedName>
    <definedName name="ｚｘＺ_1">ｚｘＺ_1</definedName>
    <definedName name="zzczas">zzczas</definedName>
    <definedName name="zzczas_1">zzczas_1</definedName>
    <definedName name="ア">[8]業社リスト!$B$2:$D$11</definedName>
    <definedName name="あ" localSheetId="2">#REF!</definedName>
    <definedName name="あ" localSheetId="1">#REF!</definedName>
    <definedName name="あ">#REF!</definedName>
    <definedName name="あ_1">#REF!</definedName>
    <definedName name="あ_12">[4]掛率調査表!$J$64</definedName>
    <definedName name="あ_16">[4]掛率調査表!$J$64</definedName>
    <definedName name="あ_17">[4]掛率調査表!$J$64</definedName>
    <definedName name="あ_3">#REF!</definedName>
    <definedName name="あｄ" localSheetId="2">#REF!</definedName>
    <definedName name="あｄ" localSheetId="1">#REF!</definedName>
    <definedName name="あｄ">#REF!</definedName>
    <definedName name="あｓ" localSheetId="2">#REF!</definedName>
    <definedName name="あｓ" localSheetId="1">#REF!</definedName>
    <definedName name="あｓ">#REF!</definedName>
    <definedName name="あｓ_1">#REF!</definedName>
    <definedName name="あｓ_3">#REF!</definedName>
    <definedName name="ああああ">[3]労務!$B$9</definedName>
    <definedName name="ああああ_12">[4]労務!$B$9</definedName>
    <definedName name="ああああ_16">[4]労務!$B$9</definedName>
    <definedName name="ああああ_17">[4]労務!$B$9</definedName>
    <definedName name="ｱｰﾁｶﾙﾊﾞｰﾄ３" localSheetId="2">#REF!</definedName>
    <definedName name="ｱｰﾁｶﾙﾊﾞｰﾄ３" localSheetId="1">#REF!</definedName>
    <definedName name="ｱｰﾁｶﾙﾊﾞｰﾄ３">#REF!</definedName>
    <definedName name="ｱｰﾁｶﾙﾊﾞｰﾄ３_3">#REF!</definedName>
    <definedName name="あい" localSheetId="2">#REF!</definedName>
    <definedName name="あい" localSheetId="1">#REF!</definedName>
    <definedName name="あい">#REF!</definedName>
    <definedName name="あい_1">#REF!</definedName>
    <definedName name="あい_3">#REF!</definedName>
    <definedName name="あい１" localSheetId="2">#REF!</definedName>
    <definedName name="あい１" localSheetId="1">#REF!</definedName>
    <definedName name="あい１">#REF!</definedName>
    <definedName name="あい１_1">#REF!</definedName>
    <definedName name="あい１_3">#REF!</definedName>
    <definedName name="あう" localSheetId="2">#REF!</definedName>
    <definedName name="あう" localSheetId="1">#REF!</definedName>
    <definedName name="あう">#REF!</definedName>
    <definedName name="あう_1">#REF!</definedName>
    <definedName name="あう_3">#REF!</definedName>
    <definedName name="あう１" localSheetId="2">#REF!</definedName>
    <definedName name="あう１" localSheetId="1">#REF!</definedName>
    <definedName name="あう１">#REF!</definedName>
    <definedName name="あう１_1">#REF!</definedName>
    <definedName name="あう１_3">#REF!</definedName>
    <definedName name="あう１１１" localSheetId="2">#REF!</definedName>
    <definedName name="あう１１１" localSheetId="1">#REF!</definedName>
    <definedName name="あう１１１">#REF!</definedName>
    <definedName name="あう１１１_1">#REF!</definedName>
    <definedName name="あう１１１_3">#REF!</definedName>
    <definedName name="あえ" localSheetId="2">#REF!</definedName>
    <definedName name="あえ" localSheetId="1">#REF!</definedName>
    <definedName name="あえ">#REF!</definedName>
    <definedName name="あえ_1">#REF!</definedName>
    <definedName name="あえ_3">#REF!</definedName>
    <definedName name="あえ２" localSheetId="2">#REF!</definedName>
    <definedName name="あえ２" localSheetId="1">#REF!</definedName>
    <definedName name="あえ２">#REF!</definedName>
    <definedName name="あえ２_1">#REF!</definedName>
    <definedName name="あえ２_3">#REF!</definedName>
    <definedName name="あえ２２２" localSheetId="2">#REF!</definedName>
    <definedName name="あえ２２２" localSheetId="1">#REF!</definedName>
    <definedName name="あえ２２２">#REF!</definedName>
    <definedName name="あえ２２２_1">#REF!</definedName>
    <definedName name="あえ２２２_3">#REF!</definedName>
    <definedName name="あえ３３" localSheetId="2">#REF!</definedName>
    <definedName name="あえ３３" localSheetId="1">#REF!</definedName>
    <definedName name="あえ３３">#REF!</definedName>
    <definedName name="あえ３３_1">#REF!</definedName>
    <definedName name="あえ３３_3">#REF!</definedName>
    <definedName name="あえ５" localSheetId="2">#REF!</definedName>
    <definedName name="あえ５" localSheetId="1">#REF!</definedName>
    <definedName name="あえ５">#REF!</definedName>
    <definedName name="あえ５_1">#REF!</definedName>
    <definedName name="あえ５_3">#REF!</definedName>
    <definedName name="アネモ" localSheetId="2">#REF!</definedName>
    <definedName name="アネモ">#REF!</definedName>
    <definedName name="アネモ_1">#REF!</definedName>
    <definedName name="イ">[8]業社リスト!$B$153:$D$161</definedName>
    <definedName name="ウ">[8]業社リスト!$B$270:$D$277</definedName>
    <definedName name="エ">[8]業社リスト!$B$305:$D$312</definedName>
    <definedName name="えいあ" localSheetId="2">#REF!</definedName>
    <definedName name="えいあ" localSheetId="1">#REF!</definedName>
    <definedName name="えいあ">#REF!</definedName>
    <definedName name="オ">[8]業社リスト!$B$426:$D$426</definedName>
    <definedName name="カ">[8]業社リスト!$B$540:$D$540</definedName>
    <definedName name="か">[3]掛率調査表!$J$14</definedName>
    <definedName name="か_12">[4]掛率調査表!$J$14</definedName>
    <definedName name="か_16">[4]掛率調査表!$J$14</definedName>
    <definedName name="か_17">[4]掛率調査表!$J$14</definedName>
    <definedName name="キ">[8]業社リスト!$B$668:$D$668</definedName>
    <definedName name="キャンセル" localSheetId="2">[9]!キャンセル</definedName>
    <definedName name="キャンセル" localSheetId="1">[9]!キャンセル</definedName>
    <definedName name="キャンセル">[9]!キャンセル</definedName>
    <definedName name="キャンセル_1">#N/A</definedName>
    <definedName name="ク">[8]業社リスト!$B$785:$D$785</definedName>
    <definedName name="グ">[10]雑工!$AJ$293</definedName>
    <definedName name="ｸﾞﾗｽ部位" localSheetId="2">#REF!</definedName>
    <definedName name="ｸﾞﾗｽ部位" localSheetId="1">#REF!</definedName>
    <definedName name="ｸﾞﾗｽ部位">#REF!</definedName>
    <definedName name="ｸﾞﾗｽ部位_1">#REF!</definedName>
    <definedName name="グ枠">[10]雑工!$AJ$301</definedName>
    <definedName name="ケ">[8]業社リスト!$B$855</definedName>
    <definedName name="コ">[8]業社リスト!$B$878</definedName>
    <definedName name="コ３Ｆ" localSheetId="2">#REF!</definedName>
    <definedName name="コ３Ｆ" localSheetId="1">#REF!</definedName>
    <definedName name="コ３Ｆ">#REF!</definedName>
    <definedName name="コ３Ｆ_1">#REF!</definedName>
    <definedName name="コ３Ｆ_3">#REF!</definedName>
    <definedName name="ｺﾝｸﾘｰﾄ巻立４" localSheetId="2">#REF!</definedName>
    <definedName name="ｺﾝｸﾘｰﾄ巻立４" localSheetId="1">#REF!</definedName>
    <definedName name="ｺﾝｸﾘｰﾄ巻立４">#REF!</definedName>
    <definedName name="ｺﾝｸﾘｰﾄ巻立４_3">#REF!</definedName>
    <definedName name="コンセント設備工事" localSheetId="2">#REF!</definedName>
    <definedName name="コンセント設備工事" localSheetId="1">#REF!</definedName>
    <definedName name="コンセント設備工事">#REF!</definedName>
    <definedName name="コンセント設備工事_1">#REF!</definedName>
    <definedName name="コンセント設備工事_3">#REF!</definedName>
    <definedName name="コントロｰ_">コントロｰ_</definedName>
    <definedName name="コントロｰ・" localSheetId="2">[11]!コントロｰ・</definedName>
    <definedName name="コントロｰ・" localSheetId="1">[11]!コントロｰ・</definedName>
    <definedName name="コントロｰ・">[11]!コントロｰ・</definedName>
    <definedName name="サ">[8]業社リスト!$B$1020</definedName>
    <definedName name="シ">[8]業社リスト!$B$1192</definedName>
    <definedName name="ししししし">ししししし</definedName>
    <definedName name="ししししし_1">ししししし_1</definedName>
    <definedName name="しょうっじ" localSheetId="2">#REF!</definedName>
    <definedName name="しょうっじ" localSheetId="1">#REF!</definedName>
    <definedName name="しょうっじ">#REF!</definedName>
    <definedName name="しょうっじ_1">#REF!</definedName>
    <definedName name="ス">[8]業社リスト!$B$1374</definedName>
    <definedName name="スイッチ" localSheetId="2">[9]!スイッチ</definedName>
    <definedName name="スイッチ" localSheetId="1">[9]!スイッチ</definedName>
    <definedName name="スイッチ">[9]!スイッチ</definedName>
    <definedName name="スイッチ_1">#N/A</definedName>
    <definedName name="スイッチ入力" localSheetId="2">[9]!スイッチ入力</definedName>
    <definedName name="スイッチ入力" localSheetId="1">[9]!スイッチ入力</definedName>
    <definedName name="スイッチ入力">[9]!スイッチ入力</definedName>
    <definedName name="スイッチ入力_1">#N/A</definedName>
    <definedName name="スタイル" localSheetId="2">#REF!</definedName>
    <definedName name="スタイル" localSheetId="1">#REF!</definedName>
    <definedName name="スタイル">#REF!</definedName>
    <definedName name="スタイル_1">#REF!</definedName>
    <definedName name="スタイル_3">#REF!</definedName>
    <definedName name="スタッド" localSheetId="2">#REF!</definedName>
    <definedName name="スタッド" localSheetId="1">#REF!</definedName>
    <definedName name="スタッド">#REF!</definedName>
    <definedName name="スタッド_1">#REF!</definedName>
    <definedName name="スポット感知器" localSheetId="2">[2]!UP率</definedName>
    <definedName name="スポット感知器" localSheetId="1">[2]!UP率</definedName>
    <definedName name="スポット感知器">[2]!UP率</definedName>
    <definedName name="スポット感知器_1">#N/A</definedName>
    <definedName name="セ">[8]業社リスト!$B$1443</definedName>
    <definedName name="ソ">[8]業社リスト!$B$1496</definedName>
    <definedName name="その他工事" localSheetId="2">#REF!</definedName>
    <definedName name="その他工事" localSheetId="1">#REF!</definedName>
    <definedName name="その他工事">#REF!</definedName>
    <definedName name="その他工事_3">#REF!</definedName>
    <definedName name="その他率">#REF!</definedName>
    <definedName name="タ">[8]業社リスト!$B$1513</definedName>
    <definedName name="タイトル" localSheetId="2">#REF!</definedName>
    <definedName name="タイトル" localSheetId="1">#REF!</definedName>
    <definedName name="タイトル">#REF!</definedName>
    <definedName name="タイトル_1">#REF!</definedName>
    <definedName name="タイトル_3">#REF!</definedName>
    <definedName name="ﾀｲﾄﾙ行" localSheetId="2">#REF!</definedName>
    <definedName name="ﾀｲﾄﾙ行" localSheetId="1">#REF!</definedName>
    <definedName name="ﾀｲﾄﾙ行">#REF!</definedName>
    <definedName name="ﾀｲﾄﾙ行_1">#REF!</definedName>
    <definedName name="ﾀｲﾄﾙ行_3">#REF!</definedName>
    <definedName name="ダンパー" localSheetId="2">#REF!</definedName>
    <definedName name="ダンパー">#REF!</definedName>
    <definedName name="ダンパー_1">#REF!</definedName>
    <definedName name="チ">[8]業社リスト!$B$1732</definedName>
    <definedName name="ぢ">[3]掛率調査表!$J$44</definedName>
    <definedName name="ぢ_12">[4]掛率調査表!$J$44</definedName>
    <definedName name="ぢ_16">[4]掛率調査表!$J$44</definedName>
    <definedName name="ぢ_17">[4]掛率調査表!$J$44</definedName>
    <definedName name="ツ">[8]業社リスト!$B$1783</definedName>
    <definedName name="つり">[10]雑工!$AJ$34</definedName>
    <definedName name="テ">[8]業社リスト!$B$1816</definedName>
    <definedName name="テレビ共同受信設備工事" localSheetId="2">#REF!</definedName>
    <definedName name="テレビ共同受信設備工事" localSheetId="1">#REF!</definedName>
    <definedName name="テレビ共同受信設備工事">#REF!</definedName>
    <definedName name="テレビ共同受信設備工事_1">#REF!</definedName>
    <definedName name="テレビ共同受信設備工事_3">#REF!</definedName>
    <definedName name="ト">[8]業社リスト!$B$1869</definedName>
    <definedName name="とととととxsxsxs">とととととxsxsxs</definedName>
    <definedName name="とととととxsxsxs_1">とととととxsxsxs_1</definedName>
    <definedName name="とび単" localSheetId="2">#REF!</definedName>
    <definedName name="とび単" localSheetId="1">#REF!</definedName>
    <definedName name="とび単">#REF!</definedName>
    <definedName name="とび単_1">#REF!</definedName>
    <definedName name="ナ">[8]業社リスト!$B$2112</definedName>
    <definedName name="ニ">[8]業社リスト!$B$2185</definedName>
    <definedName name="ヌ">[8]業社リスト!$B$2477</definedName>
    <definedName name="ネ">[8]業社リスト!$B$2479</definedName>
    <definedName name="ノ">[8]業社リスト!$B$2485</definedName>
    <definedName name="ハ">[8]業社リスト!$B$2494</definedName>
    <definedName name="ハンチ" localSheetId="2">#REF!</definedName>
    <definedName name="ハンチ" localSheetId="1">#REF!</definedName>
    <definedName name="ハンチ">#REF!</definedName>
    <definedName name="ハンチ_1">#REF!</definedName>
    <definedName name="ハンチ_3">#REF!</definedName>
    <definedName name="ヒ">[8]業社リスト!$B$2553</definedName>
    <definedName name="フ">[8]業社リスト!$B$2617</definedName>
    <definedName name="ﾌﾞﾛ単" localSheetId="2">#REF!</definedName>
    <definedName name="ﾌﾞﾛ単" localSheetId="1">#REF!</definedName>
    <definedName name="ﾌﾞﾛ単">#REF!</definedName>
    <definedName name="ﾌﾞﾛ単_1">#REF!</definedName>
    <definedName name="ヘ">[8]業社リスト!$B$2753</definedName>
    <definedName name="ホ">[8]業社リスト!$B$2772</definedName>
    <definedName name="ホイ">[10]雑工!$AJ$39</definedName>
    <definedName name="マ">[8]業社リスト!$B$2827</definedName>
    <definedName name="ﾏｸﾛｸﾛｰｽﾞ">#REF!</definedName>
    <definedName name="ﾏｸﾛｸﾛｰｽﾞ_1">#REF!</definedName>
    <definedName name="ﾏｸﾛｸﾛｰｽﾞ_3">#REF!</definedName>
    <definedName name="マクロ訂正" localSheetId="2">#REF!</definedName>
    <definedName name="マクロ訂正" localSheetId="1">#REF!</definedName>
    <definedName name="マクロ訂正">#REF!</definedName>
    <definedName name="マクロ訂正_3">#REF!</definedName>
    <definedName name="マスター" localSheetId="2">#REF!</definedName>
    <definedName name="マスター" localSheetId="1">#REF!</definedName>
    <definedName name="マスター">#REF!</definedName>
    <definedName name="マスター_1">#REF!</definedName>
    <definedName name="ミ">[8]業社リスト!$B$2931</definedName>
    <definedName name="ム">[8]業社リスト!$B$3027</definedName>
    <definedName name="メ">[8]業社リスト!$B$3048</definedName>
    <definedName name="モ">[8]業社リスト!$B$3076</definedName>
    <definedName name="ヤ">[8]業社リスト!$B$3100</definedName>
    <definedName name="ユ">[8]業社リスト!$B$3172</definedName>
    <definedName name="ユニバーサル" localSheetId="2">#REF!</definedName>
    <definedName name="ユニバーサル">#REF!</definedName>
    <definedName name="ユニバーサル_1">#REF!</definedName>
    <definedName name="ヨ">[8]業社リスト!$B$3197</definedName>
    <definedName name="ラ">[8]業社リスト!$B$3247</definedName>
    <definedName name="ライン" localSheetId="2">#REF!</definedName>
    <definedName name="ライン">#REF!</definedName>
    <definedName name="ライン_1">#REF!</definedName>
    <definedName name="リ">[8]業社リスト!$B$3258</definedName>
    <definedName name="レ">[8]業社リスト!$B$3280</definedName>
    <definedName name="ロ">[8]業社リスト!$B$3286</definedName>
    <definedName name="ワ">[8]業社リスト!$B$3294</definedName>
    <definedName name="安全費" localSheetId="2">#REF!</definedName>
    <definedName name="安全費">#REF!</definedName>
    <definedName name="安全費_1">#REF!</definedName>
    <definedName name="以上か">'[10]7.普型4m以上'!$AJ$103</definedName>
    <definedName name="囲障工事" localSheetId="2">#REF!</definedName>
    <definedName name="囲障工事" localSheetId="1">#REF!</definedName>
    <definedName name="囲障工事">#REF!</definedName>
    <definedName name="囲障工事_1">#REF!</definedName>
    <definedName name="囲障工事_3">#REF!</definedName>
    <definedName name="一位代価表">#REF!</definedName>
    <definedName name="一般管理費等" localSheetId="2">#REF!</definedName>
    <definedName name="一般管理費等">#REF!</definedName>
    <definedName name="一般管理費等_1">#REF!</definedName>
    <definedName name="一般労務費" localSheetId="2">#REF!</definedName>
    <definedName name="一般労務費">#REF!</definedName>
    <definedName name="一般労務費_1">#REF!</definedName>
    <definedName name="一覧表" localSheetId="2">#REF!</definedName>
    <definedName name="一覧表">#REF!</definedName>
    <definedName name="一覧表_1">#REF!</definedName>
    <definedName name="印刷" localSheetId="2">#REF!</definedName>
    <definedName name="印刷" localSheetId="1">#REF!</definedName>
    <definedName name="印刷">#REF!</definedName>
    <definedName name="印刷_1">#REF!</definedName>
    <definedName name="印刷_3">#REF!</definedName>
    <definedName name="印刷05" localSheetId="2">#REF!</definedName>
    <definedName name="印刷05" localSheetId="1">#REF!</definedName>
    <definedName name="印刷05">#REF!</definedName>
    <definedName name="印刷05_1">#REF!</definedName>
    <definedName name="印刷05_3">#REF!</definedName>
    <definedName name="印刷1" localSheetId="2">#REF!</definedName>
    <definedName name="印刷1" localSheetId="1">#REF!</definedName>
    <definedName name="印刷1">#REF!</definedName>
    <definedName name="印刷1_3">#REF!</definedName>
    <definedName name="印刷10" localSheetId="2">#REF!</definedName>
    <definedName name="印刷10" localSheetId="1">#REF!</definedName>
    <definedName name="印刷10">#REF!</definedName>
    <definedName name="印刷10_1">#REF!</definedName>
    <definedName name="印刷10_3">#REF!</definedName>
    <definedName name="印刷2" localSheetId="2">#REF!</definedName>
    <definedName name="印刷2" localSheetId="1">#REF!</definedName>
    <definedName name="印刷2">#REF!</definedName>
    <definedName name="印刷2_3">#REF!</definedName>
    <definedName name="印刷20" localSheetId="2">#REF!</definedName>
    <definedName name="印刷20" localSheetId="1">#REF!</definedName>
    <definedName name="印刷20">#REF!</definedName>
    <definedName name="印刷20_1">#REF!</definedName>
    <definedName name="印刷20_3">#REF!</definedName>
    <definedName name="印刷30" localSheetId="2">#REF!</definedName>
    <definedName name="印刷30" localSheetId="1">#REF!</definedName>
    <definedName name="印刷30">#REF!</definedName>
    <definedName name="印刷30_1">#REF!</definedName>
    <definedName name="印刷30_3">#REF!</definedName>
    <definedName name="印刷40" localSheetId="2">#REF!</definedName>
    <definedName name="印刷40" localSheetId="1">#REF!</definedName>
    <definedName name="印刷40">#REF!</definedName>
    <definedName name="印刷40_1">#REF!</definedName>
    <definedName name="印刷40_3">#REF!</definedName>
    <definedName name="印刷50" localSheetId="2">#REF!</definedName>
    <definedName name="印刷50" localSheetId="1">#REF!</definedName>
    <definedName name="印刷50">#REF!</definedName>
    <definedName name="印刷50_1">#REF!</definedName>
    <definedName name="印刷50_3">#REF!</definedName>
    <definedName name="印刷EX" localSheetId="2">#REF!</definedName>
    <definedName name="印刷EX" localSheetId="1">#REF!</definedName>
    <definedName name="印刷EX">#REF!</definedName>
    <definedName name="印刷EX_1">#REF!</definedName>
    <definedName name="印刷EX_3">#REF!</definedName>
    <definedName name="印刷範囲" localSheetId="2">#REF!</definedName>
    <definedName name="印刷範囲" localSheetId="1">#REF!</definedName>
    <definedName name="印刷範囲">#REF!</definedName>
    <definedName name="印刷範囲_1">#REF!</definedName>
    <definedName name="印刷範囲_3">#REF!</definedName>
    <definedName name="雨水排水路１" localSheetId="2">#REF!</definedName>
    <definedName name="雨水排水路１" localSheetId="1">#REF!</definedName>
    <definedName name="雨水排水路１">#REF!</definedName>
    <definedName name="雨水排水路１_3">#REF!</definedName>
    <definedName name="運搬費" localSheetId="2">#REF!</definedName>
    <definedName name="運搬費">#REF!</definedName>
    <definedName name="運搬費_1">#REF!</definedName>
    <definedName name="営繕費" localSheetId="2">#REF!</definedName>
    <definedName name="営繕費">#REF!</definedName>
    <definedName name="営繕費_1">#REF!</definedName>
    <definedName name="円か">'[10]8-9.円,埋型4m未満'!$AJ$38</definedName>
    <definedName name="奥" localSheetId="2">#REF!</definedName>
    <definedName name="奥" localSheetId="1">#REF!</definedName>
    <definedName name="奥">#REF!</definedName>
    <definedName name="奥_1">#REF!</definedName>
    <definedName name="奥_3">#REF!</definedName>
    <definedName name="下地" localSheetId="2">#REF!</definedName>
    <definedName name="下地" localSheetId="1">#REF!</definedName>
    <definedName name="下地">#REF!</definedName>
    <definedName name="下地_1">#REF!</definedName>
    <definedName name="仮設道路１" localSheetId="2">#REF!</definedName>
    <definedName name="仮設道路１" localSheetId="1">#REF!</definedName>
    <definedName name="仮設道路１">#REF!</definedName>
    <definedName name="仮設道路１_3">#REF!</definedName>
    <definedName name="仮設費" localSheetId="2">#REF!</definedName>
    <definedName name="仮設費">#REF!</definedName>
    <definedName name="仮設費_1">#REF!</definedName>
    <definedName name="仮設率">#REF!</definedName>
    <definedName name="画面1" localSheetId="2">#REF!</definedName>
    <definedName name="画面1" localSheetId="1">#REF!</definedName>
    <definedName name="画面1">#REF!</definedName>
    <definedName name="画面1_3">#REF!</definedName>
    <definedName name="画面2" localSheetId="2">#REF!</definedName>
    <definedName name="画面2" localSheetId="1">#REF!</definedName>
    <definedName name="画面2">#REF!</definedName>
    <definedName name="回数1" localSheetId="2">#REF!</definedName>
    <definedName name="回数1" localSheetId="1">#REF!</definedName>
    <definedName name="回数1">#REF!</definedName>
    <definedName name="回数1_3">#REF!</definedName>
    <definedName name="回数10" localSheetId="2">#REF!</definedName>
    <definedName name="回数10" localSheetId="1">#REF!</definedName>
    <definedName name="回数10">#REF!</definedName>
    <definedName name="回数10_3">#REF!</definedName>
    <definedName name="回数11" localSheetId="2">#REF!</definedName>
    <definedName name="回数11" localSheetId="1">#REF!</definedName>
    <definedName name="回数11">#REF!</definedName>
    <definedName name="回数11_3">#REF!</definedName>
    <definedName name="回数2" localSheetId="2">#REF!</definedName>
    <definedName name="回数2" localSheetId="1">#REF!</definedName>
    <definedName name="回数2">#REF!</definedName>
    <definedName name="回数2_3">#REF!</definedName>
    <definedName name="回数20" localSheetId="2">#REF!</definedName>
    <definedName name="回数20" localSheetId="1">#REF!</definedName>
    <definedName name="回数20">#REF!</definedName>
    <definedName name="回数20_3">#REF!</definedName>
    <definedName name="回数21" localSheetId="2">#REF!</definedName>
    <definedName name="回数21" localSheetId="1">#REF!</definedName>
    <definedName name="回数21">#REF!</definedName>
    <definedName name="回数21_3">#REF!</definedName>
    <definedName name="回数3" localSheetId="2">#REF!</definedName>
    <definedName name="回数3" localSheetId="1">#REF!</definedName>
    <definedName name="回数3">#REF!</definedName>
    <definedName name="回数3_3">#REF!</definedName>
    <definedName name="回数30" localSheetId="2">#REF!</definedName>
    <definedName name="回数30" localSheetId="1">#REF!</definedName>
    <definedName name="回数30">#REF!</definedName>
    <definedName name="回数30_3">#REF!</definedName>
    <definedName name="回数31" localSheetId="2">#REF!</definedName>
    <definedName name="回数31" localSheetId="1">#REF!</definedName>
    <definedName name="回数31">#REF!</definedName>
    <definedName name="回数31_3">#REF!</definedName>
    <definedName name="回数4" localSheetId="2">#REF!</definedName>
    <definedName name="回数4" localSheetId="1">#REF!</definedName>
    <definedName name="回数4">#REF!</definedName>
    <definedName name="回数4_3">#REF!</definedName>
    <definedName name="灰出し設備" localSheetId="2">#REF!</definedName>
    <definedName name="灰出し設備" localSheetId="1">#REF!</definedName>
    <definedName name="灰出し設備">#REF!</definedName>
    <definedName name="灰出し設備_1">#REF!</definedName>
    <definedName name="外構" localSheetId="2">#REF!</definedName>
    <definedName name="外構" localSheetId="1">#REF!</definedName>
    <definedName name="外構">#REF!</definedName>
    <definedName name="外構_1">#REF!</definedName>
    <definedName name="外構_3">#REF!</definedName>
    <definedName name="外周水路12" localSheetId="2">#REF!</definedName>
    <definedName name="外周水路12" localSheetId="1">#REF!</definedName>
    <definedName name="外周水路12">#REF!</definedName>
    <definedName name="外周水路12_3">#REF!</definedName>
    <definedName name="外周道路４" localSheetId="2">#REF!</definedName>
    <definedName name="外周道路４" localSheetId="1">#REF!</definedName>
    <definedName name="外周道路４">#REF!</definedName>
    <definedName name="外周道路４_3">#REF!</definedName>
    <definedName name="外灯設備工事" localSheetId="2">#REF!</definedName>
    <definedName name="外灯設備工事" localSheetId="1">#REF!</definedName>
    <definedName name="外灯設備工事">#REF!</definedName>
    <definedName name="外灯設備工事_1">#REF!</definedName>
    <definedName name="外灯設備工事_3">#REF!</definedName>
    <definedName name="掛率1">#REF!</definedName>
    <definedName name="掛率1_12">#REF!</definedName>
    <definedName name="掛率1_16">#REF!</definedName>
    <definedName name="掛率1_17">#REF!</definedName>
    <definedName name="掛率2">#REF!</definedName>
    <definedName name="掛率2_12">#REF!</definedName>
    <definedName name="掛率2_16">#REF!</definedName>
    <definedName name="掛率2_17">#REF!</definedName>
    <definedName name="掛率3">#REF!</definedName>
    <definedName name="掛率3_12">#REF!</definedName>
    <definedName name="掛率3_16">#REF!</definedName>
    <definedName name="掛率3_17">#REF!</definedName>
    <definedName name="掛率4">#REF!</definedName>
    <definedName name="掛率4_12">#REF!</definedName>
    <definedName name="掛率4_16">#REF!</definedName>
    <definedName name="掛率4_17">#REF!</definedName>
    <definedName name="掛率5">#REF!</definedName>
    <definedName name="掛率5_12">#REF!</definedName>
    <definedName name="掛率5_16">#REF!</definedName>
    <definedName name="掛率5_17">#REF!</definedName>
    <definedName name="掛率6">#REF!</definedName>
    <definedName name="掛率6_12">#REF!</definedName>
    <definedName name="掛率6_16">#REF!</definedName>
    <definedName name="掛率6_17">#REF!</definedName>
    <definedName name="幹線設備工事" localSheetId="2">#REF!</definedName>
    <definedName name="幹線設備工事" localSheetId="1">#REF!</definedName>
    <definedName name="幹線設備工事">#REF!</definedName>
    <definedName name="幹線設備工事_1">#REF!</definedName>
    <definedName name="幹線設備工事_3">#REF!</definedName>
    <definedName name="環分外" localSheetId="2">#REF!</definedName>
    <definedName name="環分外">#REF!</definedName>
    <definedName name="環分外_1">#REF!</definedName>
    <definedName name="環分外1" localSheetId="2">#REF!</definedName>
    <definedName name="環分外1">#REF!</definedName>
    <definedName name="環分外1_1">#REF!</definedName>
    <definedName name="環分国" localSheetId="2">#REF!</definedName>
    <definedName name="環分国">#REF!</definedName>
    <definedName name="環分国_1">#REF!</definedName>
    <definedName name="環分国1" localSheetId="2">#REF!</definedName>
    <definedName name="環分国1">#REF!</definedName>
    <definedName name="環分国1_1">#REF!</definedName>
    <definedName name="環分国2" localSheetId="2">#REF!</definedName>
    <definedName name="環分国2">#REF!</definedName>
    <definedName name="環分国2_1">#REF!</definedName>
    <definedName name="環分内" localSheetId="2">#REF!</definedName>
    <definedName name="環分内">#REF!</definedName>
    <definedName name="環分内_1">#REF!</definedName>
    <definedName name="環分内1" localSheetId="2">#REF!</definedName>
    <definedName name="環分内1">#REF!</definedName>
    <definedName name="環分内1_1">#REF!</definedName>
    <definedName name="環分内加" localSheetId="2">#REF!</definedName>
    <definedName name="環分内加">#REF!</definedName>
    <definedName name="環分内加_1">#REF!</definedName>
    <definedName name="環分内加1" localSheetId="2">#REF!</definedName>
    <definedName name="環分内加1">#REF!</definedName>
    <definedName name="環分内加1_1">#REF!</definedName>
    <definedName name="環分内加2" localSheetId="2">#REF!</definedName>
    <definedName name="環分内加2">#REF!</definedName>
    <definedName name="環分内加2_1">#REF!</definedName>
    <definedName name="監視計装制御設備" localSheetId="2">#REF!</definedName>
    <definedName name="監視計装制御設備" localSheetId="1">#REF!</definedName>
    <definedName name="監視計装制御設備">#REF!</definedName>
    <definedName name="監視計装制御設備_1">#REF!</definedName>
    <definedName name="管理内訳">#REF!</definedName>
    <definedName name="管理桝５" localSheetId="2">#REF!</definedName>
    <definedName name="管理桝５" localSheetId="1">#REF!</definedName>
    <definedName name="管理桝５">#REF!</definedName>
    <definedName name="管理桝５_3">#REF!</definedName>
    <definedName name="間隔" localSheetId="2">#REF!</definedName>
    <definedName name="間隔" localSheetId="1">#REF!</definedName>
    <definedName name="間隔">#REF!</definedName>
    <definedName name="間隔_1">#REF!</definedName>
    <definedName name="間接工事費" localSheetId="2">#REF!</definedName>
    <definedName name="間接工事費">#REF!</definedName>
    <definedName name="間接工事費_1">#REF!</definedName>
    <definedName name="関連屋１次" localSheetId="2">#REF!</definedName>
    <definedName name="関連屋１次" localSheetId="1">#REF!</definedName>
    <definedName name="関連屋１次">#REF!</definedName>
    <definedName name="関連屋１次_1">#REF!</definedName>
    <definedName name="関連屋１次_3">#REF!</definedName>
    <definedName name="関連屋１次黄" localSheetId="2">#REF!</definedName>
    <definedName name="関連屋１次黄" localSheetId="1">#REF!</definedName>
    <definedName name="関連屋１次黄">#REF!</definedName>
    <definedName name="関連屋１次黄_1">#REF!</definedName>
    <definedName name="関連屋１次黄_3">#REF!</definedName>
    <definedName name="関連屋１次単" localSheetId="2">#REF!</definedName>
    <definedName name="関連屋１次単" localSheetId="1">#REF!</definedName>
    <definedName name="関連屋１次単">#REF!</definedName>
    <definedName name="関連屋１次単_1">#REF!</definedName>
    <definedName name="関連屋１次単_3">#REF!</definedName>
    <definedName name="関連屋２次" localSheetId="2">#REF!</definedName>
    <definedName name="関連屋２次" localSheetId="1">#REF!</definedName>
    <definedName name="関連屋２次">#REF!</definedName>
    <definedName name="関連屋２次_1">#REF!</definedName>
    <definedName name="関連屋２次_3">#REF!</definedName>
    <definedName name="関連屋２次黄" localSheetId="2">#REF!</definedName>
    <definedName name="関連屋２次黄" localSheetId="1">#REF!</definedName>
    <definedName name="関連屋２次黄">#REF!</definedName>
    <definedName name="関連屋２次黄_1">#REF!</definedName>
    <definedName name="関連屋２次黄_3">#REF!</definedName>
    <definedName name="関連屋２次青" localSheetId="2">#REF!</definedName>
    <definedName name="関連屋２次青" localSheetId="1">#REF!</definedName>
    <definedName name="関連屋２次青">#REF!</definedName>
    <definedName name="関連屋２次青_1">#REF!</definedName>
    <definedName name="関連屋２次青_3">#REF!</definedName>
    <definedName name="関連校１次" localSheetId="2">#REF!</definedName>
    <definedName name="関連校１次" localSheetId="1">#REF!</definedName>
    <definedName name="関連校１次">#REF!</definedName>
    <definedName name="関連校１次_1">#REF!</definedName>
    <definedName name="関連校１次_3">#REF!</definedName>
    <definedName name="関連校１次黄" localSheetId="2">#REF!</definedName>
    <definedName name="関連校１次黄" localSheetId="1">#REF!</definedName>
    <definedName name="関連校１次黄">#REF!</definedName>
    <definedName name="関連校１次黄_1">#REF!</definedName>
    <definedName name="関連校１次黄_3">#REF!</definedName>
    <definedName name="関連校１次単" localSheetId="2">#REF!</definedName>
    <definedName name="関連校１次単" localSheetId="1">#REF!</definedName>
    <definedName name="関連校１次単">#REF!</definedName>
    <definedName name="関連校１次単_1">#REF!</definedName>
    <definedName name="関連校１次単_3">#REF!</definedName>
    <definedName name="関連校２次" localSheetId="2">#REF!</definedName>
    <definedName name="関連校２次" localSheetId="1">#REF!</definedName>
    <definedName name="関連校２次">#REF!</definedName>
    <definedName name="関連校２次_1">#REF!</definedName>
    <definedName name="関連校２次_3">#REF!</definedName>
    <definedName name="関連校２次黄" localSheetId="2">#REF!</definedName>
    <definedName name="関連校２次黄" localSheetId="1">#REF!</definedName>
    <definedName name="関連校２次黄">#REF!</definedName>
    <definedName name="関連校２次黄_1">#REF!</definedName>
    <definedName name="関連校２次黄_3">#REF!</definedName>
    <definedName name="関連校２次青" localSheetId="2">#REF!</definedName>
    <definedName name="関連校２次青" localSheetId="1">#REF!</definedName>
    <definedName name="関連校２次青">#REF!</definedName>
    <definedName name="関連校２次青_1">#REF!</definedName>
    <definedName name="関連校２次青_3">#REF!</definedName>
    <definedName name="岩綿部位" localSheetId="2">#REF!</definedName>
    <definedName name="岩綿部位" localSheetId="1">#REF!</definedName>
    <definedName name="岩綿部位">#REF!</definedName>
    <definedName name="岩綿部位_1">#REF!</definedName>
    <definedName name="基">'[10]1-3,基-均型'!$AJ$14</definedName>
    <definedName name="基礎" localSheetId="2">#REF!</definedName>
    <definedName name="基礎" localSheetId="1">#REF!</definedName>
    <definedName name="基礎">#REF!</definedName>
    <definedName name="基礎_3">#REF!</definedName>
    <definedName name="機械改修" localSheetId="2">#REF!</definedName>
    <definedName name="機械改修" localSheetId="1">#REF!</definedName>
    <definedName name="機械改修">#REF!</definedName>
    <definedName name="機械改修_1">#REF!</definedName>
    <definedName name="機械改修1" localSheetId="2">#REF!</definedName>
    <definedName name="機械改修1" localSheetId="1">#REF!</definedName>
    <definedName name="機械改修1">#REF!</definedName>
    <definedName name="機械改修1_1">#REF!</definedName>
    <definedName name="機械経費" localSheetId="2">#REF!</definedName>
    <definedName name="機械経費">#REF!</definedName>
    <definedName name="機械経費_1">#REF!</definedName>
    <definedName name="機械新築" localSheetId="2">#REF!</definedName>
    <definedName name="機械新築" localSheetId="1">#REF!</definedName>
    <definedName name="機械新築">#REF!</definedName>
    <definedName name="機械新築_1">#REF!</definedName>
    <definedName name="機械新築1" localSheetId="2">#REF!</definedName>
    <definedName name="機械新築1" localSheetId="1">#REF!</definedName>
    <definedName name="機械新築1">#REF!</definedName>
    <definedName name="機械新築1_1">#REF!</definedName>
    <definedName name="機器単価比較表">#REF!</definedName>
    <definedName name="機器費" localSheetId="2">#REF!</definedName>
    <definedName name="機器費">#REF!</definedName>
    <definedName name="機器費_1">#REF!</definedName>
    <definedName name="機種" localSheetId="2">[12]!機種</definedName>
    <definedName name="機種" localSheetId="1">[12]!機種</definedName>
    <definedName name="機種">[12]!機種</definedName>
    <definedName name="機種_1">#N/A</definedName>
    <definedName name="技C単" localSheetId="2">#REF!</definedName>
    <definedName name="技C単" localSheetId="1">#REF!</definedName>
    <definedName name="技C単">#REF!</definedName>
    <definedName name="技C単_1">#REF!</definedName>
    <definedName name="技術管理費" localSheetId="2">#REF!</definedName>
    <definedName name="技術管理費">#REF!</definedName>
    <definedName name="技術管理費_1">#REF!</definedName>
    <definedName name="技術費" localSheetId="2">#REF!</definedName>
    <definedName name="技術費">#REF!</definedName>
    <definedName name="技術費_1">#REF!</definedName>
    <definedName name="吸込口" localSheetId="2">#REF!</definedName>
    <definedName name="吸込口">#REF!</definedName>
    <definedName name="吸込口_1">#REF!</definedName>
    <definedName name="給排水設備" localSheetId="2">#REF!</definedName>
    <definedName name="給排水設備" localSheetId="1">#REF!</definedName>
    <definedName name="給排水設備">#REF!</definedName>
    <definedName name="給排水設備_1">#REF!</definedName>
    <definedName name="共通仮設費" localSheetId="2">#REF!</definedName>
    <definedName name="共通仮設費">#REF!</definedName>
    <definedName name="共通仮設費_1">#REF!</definedName>
    <definedName name="共通仮設費_3">#REF!</definedName>
    <definedName name="均しか">'[10]1-3,基-均型'!$AJ$46</definedName>
    <definedName name="均しこ">'[10]1-3,基-均型'!$AJ$29</definedName>
    <definedName name="金__額">#REF!</definedName>
    <definedName name="金入り">#REF!</definedName>
    <definedName name="金抜き内訳" localSheetId="2">#REF!</definedName>
    <definedName name="金抜き内訳" localSheetId="1">#REF!</definedName>
    <definedName name="金抜き内訳">#REF!</definedName>
    <definedName name="金抜き内訳_3">#REF!</definedName>
    <definedName name="係数" localSheetId="2">#REF!</definedName>
    <definedName name="係数" localSheetId="1">#REF!</definedName>
    <definedName name="係数">#REF!</definedName>
    <definedName name="係数_1">#REF!</definedName>
    <definedName name="計1">#REF!</definedName>
    <definedName name="計1_10">#REF!</definedName>
    <definedName name="計2">#REF!</definedName>
    <definedName name="計2_10">#REF!</definedName>
    <definedName name="計3">#REF!</definedName>
    <definedName name="計3_10">#REF!</definedName>
    <definedName name="計P1" localSheetId="2">#REF!</definedName>
    <definedName name="計P1" localSheetId="1">#REF!</definedName>
    <definedName name="計P1">#REF!</definedName>
    <definedName name="計P1_3">#REF!</definedName>
    <definedName name="計P2" localSheetId="2">#REF!</definedName>
    <definedName name="計P2" localSheetId="1">#REF!</definedName>
    <definedName name="計P2">#REF!</definedName>
    <definedName name="計P2_3">#REF!</definedName>
    <definedName name="計P3" localSheetId="2">#REF!</definedName>
    <definedName name="計P3" localSheetId="1">#REF!</definedName>
    <definedName name="計P3">#REF!</definedName>
    <definedName name="計P3_3">#REF!</definedName>
    <definedName name="計算条件" localSheetId="2">#REF!</definedName>
    <definedName name="計算条件" localSheetId="1">#REF!</definedName>
    <definedName name="計算条件">#REF!</definedName>
    <definedName name="計算条件_1">#REF!</definedName>
    <definedName name="計算条件_3">#REF!</definedName>
    <definedName name="件名" localSheetId="2">#REF!</definedName>
    <definedName name="件名" localSheetId="1">#REF!</definedName>
    <definedName name="件名">#REF!</definedName>
    <definedName name="件名_1">#REF!</definedName>
    <definedName name="件名_3">#REF!</definedName>
    <definedName name="建築" localSheetId="2">#REF!</definedName>
    <definedName name="建築" localSheetId="1">#REF!</definedName>
    <definedName name="建築">#REF!</definedName>
    <definedName name="建築_1">#REF!</definedName>
    <definedName name="建築_3">#REF!</definedName>
    <definedName name="建物種別" localSheetId="2">#REF!</definedName>
    <definedName name="建物種別" localSheetId="1">#REF!</definedName>
    <definedName name="建物種別">#REF!</definedName>
    <definedName name="建物種別_1">#REF!</definedName>
    <definedName name="見積乗率">#REF!</definedName>
    <definedName name="見本" hidden="1">#REF!</definedName>
    <definedName name="現管率">[13]ｲﾝﾌﾟｯﾄ表!$D$7</definedName>
    <definedName name="現管率_1">[14]ｲﾝﾌﾟｯﾄ表!$D$7</definedName>
    <definedName name="現場間接費" localSheetId="2">#REF!</definedName>
    <definedName name="現場間接費">#REF!</definedName>
    <definedName name="現場間接費_1">#REF!</definedName>
    <definedName name="光束" localSheetId="2">[12]!光束</definedName>
    <definedName name="光束" localSheetId="1">[12]!光束</definedName>
    <definedName name="光束">[12]!光束</definedName>
    <definedName name="光束_1">#N/A</definedName>
    <definedName name="厚さ" localSheetId="2">#REF!</definedName>
    <definedName name="厚さ" localSheetId="1">#REF!</definedName>
    <definedName name="厚さ">#REF!</definedName>
    <definedName name="厚さ_1">#REF!</definedName>
    <definedName name="工_事_名_称____株シバタ医理科青森" localSheetId="2">#REF!</definedName>
    <definedName name="工_事_名_称____株シバタ医理科青森" localSheetId="1">#REF!</definedName>
    <definedName name="工_事_名_称____株シバタ医理科青森">#REF!</definedName>
    <definedName name="工_事_名_称____株シバタ医理科青森_1">#REF!</definedName>
    <definedName name="工事カ所名">[15]設計書入力!$DT$23:$DU$1040</definedName>
    <definedName name="工事カ所名_1">[16]設計書入力!$DT$23:$DU$1040</definedName>
    <definedName name="工事価格" localSheetId="2">#REF!</definedName>
    <definedName name="工事価格">#REF!</definedName>
    <definedName name="工事価格_1">#REF!</definedName>
    <definedName name="工事原価" localSheetId="2">#REF!</definedName>
    <definedName name="工事原価">#REF!</definedName>
    <definedName name="工事原価_1">#REF!</definedName>
    <definedName name="工事設計書" localSheetId="2">#REF!</definedName>
    <definedName name="工事設計書" localSheetId="1">#REF!</definedName>
    <definedName name="工事設計書">#REF!</definedName>
    <definedName name="工事設計書_1">#REF!</definedName>
    <definedName name="工事設計書_3">#REF!</definedName>
    <definedName name="工事名" localSheetId="2">#REF!</definedName>
    <definedName name="工事名" localSheetId="1">#REF!</definedName>
    <definedName name="工事名">#REF!</definedName>
    <definedName name="工事名_1">#REF!</definedName>
    <definedName name="工場派遣労務費" localSheetId="2">#REF!</definedName>
    <definedName name="工場派遣労務費">#REF!</definedName>
    <definedName name="工場派遣労務費_1">#REF!</definedName>
    <definedName name="工数単価" localSheetId="2">#REF!</definedName>
    <definedName name="工数単価" localSheetId="1">#REF!</definedName>
    <definedName name="工数単価">#REF!</definedName>
    <definedName name="工数単価_1">#REF!</definedName>
    <definedName name="工法" localSheetId="2">#REF!</definedName>
    <definedName name="工法" localSheetId="1">#REF!</definedName>
    <definedName name="工法">#REF!</definedName>
    <definedName name="工法_1">#REF!</definedName>
    <definedName name="構造1" localSheetId="2">#REF!</definedName>
    <definedName name="構造1" localSheetId="1">#REF!</definedName>
    <definedName name="構造1">#REF!</definedName>
    <definedName name="構造1_1">#REF!</definedName>
    <definedName name="構造物天端高" localSheetId="2">#REF!</definedName>
    <definedName name="構造物天端高" localSheetId="1">#REF!</definedName>
    <definedName name="構造物天端高">#REF!</definedName>
    <definedName name="構造物天端高_1">#REF!</definedName>
    <definedName name="構造物天端高_3">#REF!</definedName>
    <definedName name="鋼材">[17]鋼材!$B$5:$H$39</definedName>
    <definedName name="鋼材_1">[18]鋼材!$B$5:$H$39</definedName>
    <definedName name="鋼材料">[19]鋼材!$B$5:$H$70</definedName>
    <definedName name="項目選択" localSheetId="2">[11]!項目選択</definedName>
    <definedName name="項目選択" localSheetId="1">[11]!項目選択</definedName>
    <definedName name="項目選択">[11]!項目選択</definedName>
    <definedName name="項目選択_1">#N/A</definedName>
    <definedName name="高" localSheetId="2">#REF!</definedName>
    <definedName name="高" localSheetId="1">#REF!</definedName>
    <definedName name="高">#REF!</definedName>
    <definedName name="高_1">#REF!</definedName>
    <definedName name="高_3">#REF!</definedName>
    <definedName name="高さ" localSheetId="2">#REF!</definedName>
    <definedName name="高さ" localSheetId="1">#REF!</definedName>
    <definedName name="高さ">#REF!</definedName>
    <definedName name="高さ_1">#REF!</definedName>
    <definedName name="合計">#REF!</definedName>
    <definedName name="合計_10">#REF!</definedName>
    <definedName name="合成部位" localSheetId="2">#REF!</definedName>
    <definedName name="合成部位" localSheetId="1">#REF!</definedName>
    <definedName name="合成部位">#REF!</definedName>
    <definedName name="合成部位_1">#REF!</definedName>
    <definedName name="査定率表">#REF!</definedName>
    <definedName name="最終頁" localSheetId="2">#REF!</definedName>
    <definedName name="最終頁" localSheetId="1">#REF!</definedName>
    <definedName name="最終頁">#REF!</definedName>
    <definedName name="最終頁_3">#REF!</definedName>
    <definedName name="最終頁の数字" localSheetId="2">#REF!</definedName>
    <definedName name="最終頁の数字" localSheetId="1">#REF!</definedName>
    <definedName name="最終頁の数字">#REF!</definedName>
    <definedName name="最終頁の数字_3">#REF!</definedName>
    <definedName name="最終頁算出" localSheetId="2">#REF!</definedName>
    <definedName name="最終頁算出" localSheetId="1">#REF!</definedName>
    <definedName name="最終頁算出">#REF!</definedName>
    <definedName name="最終頁算出_3">#REF!</definedName>
    <definedName name="最終頁表示" localSheetId="2">#REF!</definedName>
    <definedName name="最終頁表示" localSheetId="1">#REF!</definedName>
    <definedName name="最終頁表示">#REF!</definedName>
    <definedName name="最終頁表示_3">#REF!</definedName>
    <definedName name="材">[7]鋼材!$B$5:$H$39</definedName>
    <definedName name="材質">[20]基本単価表!$B$7:$D$17</definedName>
    <definedName name="材料" localSheetId="2">#REF!</definedName>
    <definedName name="材料" localSheetId="1">#REF!</definedName>
    <definedName name="材料">#REF!</definedName>
    <definedName name="材料_1">#REF!</definedName>
    <definedName name="材料費" localSheetId="2">#REF!</definedName>
    <definedName name="材料費">#REF!</definedName>
    <definedName name="材料費_1">#REF!</definedName>
    <definedName name="雑設備" localSheetId="2">#REF!</definedName>
    <definedName name="雑設備" localSheetId="1">#REF!</definedName>
    <definedName name="雑設備">#REF!</definedName>
    <definedName name="雑設備_1">#REF!</definedName>
    <definedName name="残り記号__M">#REF!</definedName>
    <definedName name="残り記号__M_3">#REF!</definedName>
    <definedName name="残り記号_\M" localSheetId="2">#REF!</definedName>
    <definedName name="残り記号_\M" localSheetId="1">#REF!</definedName>
    <definedName name="残り記号_\M">#REF!</definedName>
    <definedName name="仕様">#REF!</definedName>
    <definedName name="指数" localSheetId="2">[12]!指数</definedName>
    <definedName name="指数" localSheetId="1">[12]!指数</definedName>
    <definedName name="指数">[12]!指数</definedName>
    <definedName name="指数_1">#N/A</definedName>
    <definedName name="指数コｰド" localSheetId="2">[12]!指数コｰド</definedName>
    <definedName name="指数コｰド" localSheetId="1">[12]!指数コｰド</definedName>
    <definedName name="指数コｰド">[12]!指数コｰド</definedName>
    <definedName name="指数コｰド_1">#N/A</definedName>
    <definedName name="指定頁検索" localSheetId="2">#REF!</definedName>
    <definedName name="指定頁検索" localSheetId="1">#REF!</definedName>
    <definedName name="指定頁検索">#REF!</definedName>
    <definedName name="指定頁検索_3">#REF!</definedName>
    <definedName name="支">[10]支保工!$AJ$370</definedName>
    <definedName name="支4">[10]支保工!$AJ$737</definedName>
    <definedName name="試運転費" localSheetId="2">#REF!</definedName>
    <definedName name="試運転費">#REF!</definedName>
    <definedName name="試運転費_1">#REF!</definedName>
    <definedName name="自動火災報知設備工事" localSheetId="2">#REF!</definedName>
    <definedName name="自動火災報知設備工事" localSheetId="1">#REF!</definedName>
    <definedName name="自動火災報知設備工事">#REF!</definedName>
    <definedName name="自動火災報知設備工事_1">#REF!</definedName>
    <definedName name="自動火災報知設備工事_3">#REF!</definedName>
    <definedName name="軸14" localSheetId="2">#REF!</definedName>
    <definedName name="軸14" localSheetId="1">#REF!</definedName>
    <definedName name="軸14">#REF!</definedName>
    <definedName name="軸14_1">#REF!</definedName>
    <definedName name="軸14_3">#REF!</definedName>
    <definedName name="軸23" localSheetId="2">#REF!</definedName>
    <definedName name="軸23" localSheetId="1">#REF!</definedName>
    <definedName name="軸23">#REF!</definedName>
    <definedName name="軸23_1">#REF!</definedName>
    <definedName name="軸23_3">#REF!</definedName>
    <definedName name="軸高" localSheetId="2">#REF!</definedName>
    <definedName name="軸高" localSheetId="1">#REF!</definedName>
    <definedName name="軸高">#REF!</definedName>
    <definedName name="軸高_1">#REF!</definedName>
    <definedName name="軸高_3">#REF!</definedName>
    <definedName name="手固">[10]雑工!$AJ$10</definedName>
    <definedName name="手脱">[10]雑工!$AJ$14</definedName>
    <definedName name="種別" localSheetId="2">#REF!</definedName>
    <definedName name="種別" localSheetId="1">#REF!</definedName>
    <definedName name="種別">#REF!</definedName>
    <definedName name="種別_1">#REF!</definedName>
    <definedName name="受入供給設備" localSheetId="2">#REF!</definedName>
    <definedName name="受入供給設備" localSheetId="1">#REF!</definedName>
    <definedName name="受入供給設備">#REF!</definedName>
    <definedName name="受入供給設備_1">#REF!</definedName>
    <definedName name="受変電設備工事" localSheetId="2">#REF!</definedName>
    <definedName name="受変電設備工事" localSheetId="1">#REF!</definedName>
    <definedName name="受変電設備工事">#REF!</definedName>
    <definedName name="受変電設備工事_1">#REF!</definedName>
    <definedName name="受変電設備工事_3">#REF!</definedName>
    <definedName name="修正表1">#REF!</definedName>
    <definedName name="終了" localSheetId="2">#REF!</definedName>
    <definedName name="終了" localSheetId="1">#REF!</definedName>
    <definedName name="終了">#REF!</definedName>
    <definedName name="終了_3">#REF!</definedName>
    <definedName name="集排水ﾋﾟｯﾄ11" localSheetId="2">#REF!</definedName>
    <definedName name="集排水ﾋﾟｯﾄ11" localSheetId="1">#REF!</definedName>
    <definedName name="集排水ﾋﾟｯﾄ11">#REF!</definedName>
    <definedName name="集排水ﾋﾟｯﾄ11_3">#REF!</definedName>
    <definedName name="重量品" localSheetId="2">#REF!</definedName>
    <definedName name="重量品">#REF!</definedName>
    <definedName name="重量品_1">#REF!</definedName>
    <definedName name="春海">#REF!</definedName>
    <definedName name="準備費" localSheetId="2">#REF!</definedName>
    <definedName name="準備費">#REF!</definedName>
    <definedName name="準備費_1">#REF!</definedName>
    <definedName name="純工事費">#REF!</definedName>
    <definedName name="処理1" localSheetId="2">#REF!</definedName>
    <definedName name="処理1" localSheetId="1">#REF!</definedName>
    <definedName name="処理1">#REF!</definedName>
    <definedName name="処理1_3">#REF!</definedName>
    <definedName name="処理10" localSheetId="2">#REF!</definedName>
    <definedName name="処理10" localSheetId="1">#REF!</definedName>
    <definedName name="処理10">#REF!</definedName>
    <definedName name="処理10_3">#REF!</definedName>
    <definedName name="処理2" localSheetId="2">#REF!</definedName>
    <definedName name="処理2" localSheetId="1">#REF!</definedName>
    <definedName name="処理2">#REF!</definedName>
    <definedName name="処理2_3">#REF!</definedName>
    <definedName name="処理20" localSheetId="2">#REF!</definedName>
    <definedName name="処理20" localSheetId="1">#REF!</definedName>
    <definedName name="処理20">#REF!</definedName>
    <definedName name="処理20_3">#REF!</definedName>
    <definedName name="処理3" localSheetId="2">#REF!</definedName>
    <definedName name="処理3" localSheetId="1">#REF!</definedName>
    <definedName name="処理3">#REF!</definedName>
    <definedName name="処理3_3">#REF!</definedName>
    <definedName name="処理30" localSheetId="2">#REF!</definedName>
    <definedName name="処理30" localSheetId="1">#REF!</definedName>
    <definedName name="処理30">#REF!</definedName>
    <definedName name="処理30_3">#REF!</definedName>
    <definedName name="処理4" localSheetId="2">#REF!</definedName>
    <definedName name="処理4" localSheetId="1">#REF!</definedName>
    <definedName name="処理4">#REF!</definedName>
    <definedName name="処理4_3">#REF!</definedName>
    <definedName name="処理40" localSheetId="2">#REF!</definedName>
    <definedName name="処理40" localSheetId="1">#REF!</definedName>
    <definedName name="処理40">#REF!</definedName>
    <definedName name="処理40_3">#REF!</definedName>
    <definedName name="処理41" localSheetId="2">#REF!</definedName>
    <definedName name="処理41" localSheetId="1">#REF!</definedName>
    <definedName name="処理41">#REF!</definedName>
    <definedName name="処理41_3">#REF!</definedName>
    <definedName name="処理42">#N/A</definedName>
    <definedName name="処理42_1">NA()</definedName>
    <definedName name="処理50" localSheetId="2">#REF!</definedName>
    <definedName name="処理50" localSheetId="1">#REF!</definedName>
    <definedName name="処理50">#REF!</definedName>
    <definedName name="処理50_3">#REF!</definedName>
    <definedName name="処理51" localSheetId="2">#REF!</definedName>
    <definedName name="処理51" localSheetId="1">#REF!</definedName>
    <definedName name="処理51">#REF!</definedName>
    <definedName name="処理51_3">#REF!</definedName>
    <definedName name="処理A" localSheetId="2">#REF!</definedName>
    <definedName name="処理A" localSheetId="1">#REF!</definedName>
    <definedName name="処理A">#REF!</definedName>
    <definedName name="処理A_3">#REF!</definedName>
    <definedName name="諸経費">#REF!</definedName>
    <definedName name="諸経費率">#REF!</definedName>
    <definedName name="小計">[15]設計書入力!$FD$21:$GH$23</definedName>
    <definedName name="小計_1">[16]設計書入力!$FD$21:$GH$23</definedName>
    <definedName name="小計1">#REF!</definedName>
    <definedName name="小計2">#REF!</definedName>
    <definedName name="小計3">#REF!</definedName>
    <definedName name="小計4">#REF!</definedName>
    <definedName name="小計5">#REF!</definedName>
    <definedName name="小計6">#REF!</definedName>
    <definedName name="小計7">#REF!</definedName>
    <definedName name="小物単価">#REF!</definedName>
    <definedName name="消費税">#REF!</definedName>
    <definedName name="消費税相当額" localSheetId="2">#REF!</definedName>
    <definedName name="消費税相当額">#REF!</definedName>
    <definedName name="消費税相当額_1">#REF!</definedName>
    <definedName name="消費税率">'[21]ｲﾝﾌﾟｯﾄ表 '!$F$4</definedName>
    <definedName name="消費税率_1">'[22]ｲﾝﾌﾟｯﾄ表 '!$F$4</definedName>
    <definedName name="照度計算" localSheetId="2">[23]!機種</definedName>
    <definedName name="照度計算" localSheetId="1">[23]!機種</definedName>
    <definedName name="照度計算">[23]!機種</definedName>
    <definedName name="照度計算_1">#N/A</definedName>
    <definedName name="照度計算書" localSheetId="2">[24]!機種</definedName>
    <definedName name="照度計算書" localSheetId="1">[24]!機種</definedName>
    <definedName name="照度計算書">[24]!機種</definedName>
    <definedName name="照度計算書_1">#N/A</definedName>
    <definedName name="照明率１">[12]照明率１!$B$4:$BG$13</definedName>
    <definedName name="照明率２">[12]照明率２!$B$4:$U$13</definedName>
    <definedName name="証明率">[25]照明率２!$B$4:$U$13</definedName>
    <definedName name="場内道路３" localSheetId="2">#REF!</definedName>
    <definedName name="場内道路３" localSheetId="1">#REF!</definedName>
    <definedName name="場内道路３">#REF!</definedName>
    <definedName name="場内道路３_3">#REF!</definedName>
    <definedName name="情報用配管設備工事" localSheetId="2">#REF!</definedName>
    <definedName name="情報用配管設備工事" localSheetId="1">#REF!</definedName>
    <definedName name="情報用配管設備工事">#REF!</definedName>
    <definedName name="情報用配管設備工事_1">#REF!</definedName>
    <definedName name="情報用配管設備工事_3">#REF!</definedName>
    <definedName name="植裁工事" localSheetId="2">#REF!</definedName>
    <definedName name="植裁工事" localSheetId="1">#REF!</definedName>
    <definedName name="植裁工事">#REF!</definedName>
    <definedName name="植裁工事_1">#REF!</definedName>
    <definedName name="植裁工事_3">#REF!</definedName>
    <definedName name="水管頂版" localSheetId="2">#REF!</definedName>
    <definedName name="水管頂版" localSheetId="1">#REF!</definedName>
    <definedName name="水管頂版">#REF!</definedName>
    <definedName name="水管頂版_1">#REF!</definedName>
    <definedName name="水管頂版_3">#REF!</definedName>
    <definedName name="水道光熱電力料" localSheetId="2">#REF!</definedName>
    <definedName name="水道光熱電力料">#REF!</definedName>
    <definedName name="水道光熱電力料_1">#REF!</definedName>
    <definedName name="数__量">#REF!</definedName>
    <definedName name="数_量" localSheetId="2">#REF!</definedName>
    <definedName name="数_量" localSheetId="1">#REF!</definedName>
    <definedName name="数_量">#REF!</definedName>
    <definedName name="数_量_1">#REF!</definedName>
    <definedName name="数_量_3">#REF!</definedName>
    <definedName name="数字入力" localSheetId="2">#REF!</definedName>
    <definedName name="数字入力" localSheetId="1">#REF!</definedName>
    <definedName name="数字入力">#REF!</definedName>
    <definedName name="数字入力_3">#REF!</definedName>
    <definedName name="据付間接費" localSheetId="2">#REF!</definedName>
    <definedName name="据付間接費">#REF!</definedName>
    <definedName name="据付間接費_1">#REF!</definedName>
    <definedName name="据付工間接費" localSheetId="2">#REF!</definedName>
    <definedName name="据付工間接費">#REF!</definedName>
    <definedName name="据付工間接費_1">#REF!</definedName>
    <definedName name="据付費" localSheetId="2">#REF!</definedName>
    <definedName name="据付費">#REF!</definedName>
    <definedName name="据付費_1">#REF!</definedName>
    <definedName name="制御盤" localSheetId="2">#REF!</definedName>
    <definedName name="制御盤" localSheetId="1">#REF!</definedName>
    <definedName name="制御盤">#REF!</definedName>
    <definedName name="制御盤_1">#REF!</definedName>
    <definedName name="制御盤_3">#REF!</definedName>
    <definedName name="成績" localSheetId="2">[12]!成績</definedName>
    <definedName name="成績" localSheetId="1">[12]!成績</definedName>
    <definedName name="成績">[12]!成績</definedName>
    <definedName name="成績_1">#N/A</definedName>
    <definedName name="盛りこ">'[10]5.増打ｺ'!$AJ$44</definedName>
    <definedName name="切替桝６" localSheetId="2">#REF!</definedName>
    <definedName name="切替桝６" localSheetId="1">#REF!</definedName>
    <definedName name="切替桝６">#REF!</definedName>
    <definedName name="切替桝６_3">#REF!</definedName>
    <definedName name="接続桝A9" localSheetId="2">#REF!</definedName>
    <definedName name="接続桝A9" localSheetId="1">#REF!</definedName>
    <definedName name="接続桝A9">#REF!</definedName>
    <definedName name="接続桝A9_3">#REF!</definedName>
    <definedName name="接続桝B10" localSheetId="2">#REF!</definedName>
    <definedName name="接続桝B10" localSheetId="1">#REF!</definedName>
    <definedName name="接続桝B10">#REF!</definedName>
    <definedName name="接続桝B10_3">#REF!</definedName>
    <definedName name="設備機械工" localSheetId="2">#REF!</definedName>
    <definedName name="設備機械工">#REF!</definedName>
    <definedName name="設備機械工_1">#REF!</definedName>
    <definedName name="設備単" localSheetId="2">#REF!</definedName>
    <definedName name="設備単" localSheetId="1">#REF!</definedName>
    <definedName name="設備単">#REF!</definedName>
    <definedName name="設備単_1">#REF!</definedName>
    <definedName name="先頭頁" localSheetId="2">#REF!</definedName>
    <definedName name="先頭頁" localSheetId="1">#REF!</definedName>
    <definedName name="先頭頁">#REF!</definedName>
    <definedName name="先頭頁_3">#REF!</definedName>
    <definedName name="前払金上限">#REF!</definedName>
    <definedName name="倉庫" localSheetId="2">#REF!</definedName>
    <definedName name="倉庫">#REF!</definedName>
    <definedName name="倉庫02" localSheetId="2">#REF!</definedName>
    <definedName name="倉庫02">#REF!</definedName>
    <definedName name="倉庫03" localSheetId="2">#REF!</definedName>
    <definedName name="倉庫03">#REF!</definedName>
    <definedName name="倉庫04" localSheetId="2">#REF!</definedName>
    <definedName name="倉庫04">#REF!</definedName>
    <definedName name="倉庫05" localSheetId="2">#REF!</definedName>
    <definedName name="倉庫05">#REF!</definedName>
    <definedName name="倉庫06" localSheetId="2">#REF!</definedName>
    <definedName name="倉庫06">#REF!</definedName>
    <definedName name="倉庫07" localSheetId="2">#REF!</definedName>
    <definedName name="倉庫07">#REF!</definedName>
    <definedName name="倉庫08" localSheetId="2">#REF!</definedName>
    <definedName name="倉庫08">#REF!</definedName>
    <definedName name="倉庫09" localSheetId="2">#REF!</definedName>
    <definedName name="倉庫09">#REF!</definedName>
    <definedName name="倉庫10" localSheetId="2">#REF!</definedName>
    <definedName name="倉庫10">#REF!</definedName>
    <definedName name="倉庫11" localSheetId="2">#REF!</definedName>
    <definedName name="倉庫11">#REF!</definedName>
    <definedName name="倉庫12" localSheetId="2">#REF!</definedName>
    <definedName name="倉庫12">#REF!</definedName>
    <definedName name="倉庫13" localSheetId="2">#REF!</definedName>
    <definedName name="倉庫13">#REF!</definedName>
    <definedName name="倉庫14" localSheetId="2">#REF!</definedName>
    <definedName name="倉庫14">#REF!</definedName>
    <definedName name="総額印刷">#REF!</definedName>
    <definedName name="総計">#REF!</definedName>
    <definedName name="総合試運転費" localSheetId="2">#REF!</definedName>
    <definedName name="総合試運転費">#REF!</definedName>
    <definedName name="総合試運転費_1">#REF!</definedName>
    <definedName name="増こ">'[10]5.増打ｺ'!$AJ$32</definedName>
    <definedName name="側壁" localSheetId="2">#REF!</definedName>
    <definedName name="側壁" localSheetId="1">#REF!</definedName>
    <definedName name="側壁">#REF!</definedName>
    <definedName name="側壁_1">#REF!</definedName>
    <definedName name="側壁_3">#REF!</definedName>
    <definedName name="足">[10]雑工!$AJ$29</definedName>
    <definedName name="耐火仕様" localSheetId="2">#REF!</definedName>
    <definedName name="耐火仕様" localSheetId="1">#REF!</definedName>
    <definedName name="耐火仕様">#REF!</definedName>
    <definedName name="耐火仕様_1">#REF!</definedName>
    <definedName name="代価" localSheetId="2">#REF!</definedName>
    <definedName name="代価" localSheetId="1">#REF!</definedName>
    <definedName name="代価">#REF!</definedName>
    <definedName name="代価_1">#REF!</definedName>
    <definedName name="代価_3">#REF!</definedName>
    <definedName name="大改屋１次" localSheetId="2">#REF!</definedName>
    <definedName name="大改屋１次" localSheetId="1">#REF!</definedName>
    <definedName name="大改屋１次">#REF!</definedName>
    <definedName name="大改屋１次_1">#REF!</definedName>
    <definedName name="大改屋１次_3">#REF!</definedName>
    <definedName name="大改屋１次黄" localSheetId="2">#REF!</definedName>
    <definedName name="大改屋１次黄" localSheetId="1">#REF!</definedName>
    <definedName name="大改屋１次黄">#REF!</definedName>
    <definedName name="大改屋１次黄_1">#REF!</definedName>
    <definedName name="大改屋１次黄_3">#REF!</definedName>
    <definedName name="大改屋１次青" localSheetId="2">#REF!</definedName>
    <definedName name="大改屋１次青" localSheetId="1">#REF!</definedName>
    <definedName name="大改屋１次青">#REF!</definedName>
    <definedName name="大改屋１次青_1">#REF!</definedName>
    <definedName name="大改屋１次青_3">#REF!</definedName>
    <definedName name="大改屋２次" localSheetId="2">#REF!</definedName>
    <definedName name="大改屋２次" localSheetId="1">#REF!</definedName>
    <definedName name="大改屋２次">#REF!</definedName>
    <definedName name="大改屋２次_1">#REF!</definedName>
    <definedName name="大改屋２次_3">#REF!</definedName>
    <definedName name="大改屋２次黄" localSheetId="2">#REF!</definedName>
    <definedName name="大改屋２次黄" localSheetId="1">#REF!</definedName>
    <definedName name="大改屋２次黄">#REF!</definedName>
    <definedName name="大改屋２次黄_1">#REF!</definedName>
    <definedName name="大改屋２次黄_3">#REF!</definedName>
    <definedName name="大改屋２次青" localSheetId="2">#REF!</definedName>
    <definedName name="大改屋２次青" localSheetId="1">#REF!</definedName>
    <definedName name="大改屋２次青">#REF!</definedName>
    <definedName name="大改屋２次青_1">#REF!</definedName>
    <definedName name="大改屋２次青_3">#REF!</definedName>
    <definedName name="大改校１次" localSheetId="2">#REF!</definedName>
    <definedName name="大改校１次" localSheetId="1">#REF!</definedName>
    <definedName name="大改校１次">#REF!</definedName>
    <definedName name="大改校１次_1">#REF!</definedName>
    <definedName name="大改校１次_3">#REF!</definedName>
    <definedName name="大改校１次黄" localSheetId="2">#REF!</definedName>
    <definedName name="大改校１次黄" localSheetId="1">#REF!</definedName>
    <definedName name="大改校１次黄">#REF!</definedName>
    <definedName name="大改校１次黄_1">#REF!</definedName>
    <definedName name="大改校１次黄_3">#REF!</definedName>
    <definedName name="大改校１次青" localSheetId="2">#REF!</definedName>
    <definedName name="大改校１次青" localSheetId="1">#REF!</definedName>
    <definedName name="大改校１次青">#REF!</definedName>
    <definedName name="大改校１次青_1">#REF!</definedName>
    <definedName name="大改校１次青_3">#REF!</definedName>
    <definedName name="大改校２次" localSheetId="2">#REF!</definedName>
    <definedName name="大改校２次" localSheetId="1">#REF!</definedName>
    <definedName name="大改校２次">#REF!</definedName>
    <definedName name="大改校２次_1">#REF!</definedName>
    <definedName name="大改校２次_3">#REF!</definedName>
    <definedName name="大改校２次黄" localSheetId="2">#REF!</definedName>
    <definedName name="大改校２次黄" localSheetId="1">#REF!</definedName>
    <definedName name="大改校２次黄">#REF!</definedName>
    <definedName name="大改校２次黄_1">#REF!</definedName>
    <definedName name="大改校２次黄_3">#REF!</definedName>
    <definedName name="大改校２次青" localSheetId="2">#REF!</definedName>
    <definedName name="大改校２次青" localSheetId="1">#REF!</definedName>
    <definedName name="大改校２次青">#REF!</definedName>
    <definedName name="大改校２次青_1">#REF!</definedName>
    <definedName name="大改校２次青_3">#REF!</definedName>
    <definedName name="第10号明細書" localSheetId="2">#REF!</definedName>
    <definedName name="第10号明細書">#REF!</definedName>
    <definedName name="第10号明細書_1">#REF!</definedName>
    <definedName name="第11号明細書" localSheetId="2">#REF!</definedName>
    <definedName name="第11号明細書">#REF!</definedName>
    <definedName name="第11号明細書_1">#REF!</definedName>
    <definedName name="第12号明細書" localSheetId="2">#REF!</definedName>
    <definedName name="第12号明細書">#REF!</definedName>
    <definedName name="第12号明細書_1">#REF!</definedName>
    <definedName name="第１号明細書" localSheetId="2">#REF!</definedName>
    <definedName name="第１号明細書">#REF!</definedName>
    <definedName name="第１号明細書_1">#REF!</definedName>
    <definedName name="第２号明細書" localSheetId="2">#REF!</definedName>
    <definedName name="第２号明細書">#REF!</definedName>
    <definedName name="第２号明細書_1">#REF!</definedName>
    <definedName name="第３号明細書" localSheetId="2">#REF!</definedName>
    <definedName name="第３号明細書">#REF!</definedName>
    <definedName name="第３号明細書_1">#REF!</definedName>
    <definedName name="第４号明細書" localSheetId="2">#REF!</definedName>
    <definedName name="第４号明細書">#REF!</definedName>
    <definedName name="第４号明細書_1">#REF!</definedName>
    <definedName name="第５号明細書" localSheetId="2">#REF!</definedName>
    <definedName name="第５号明細書">#REF!</definedName>
    <definedName name="第５号明細書_1">#REF!</definedName>
    <definedName name="第６号明細書" localSheetId="2">#REF!</definedName>
    <definedName name="第６号明細書">#REF!</definedName>
    <definedName name="第６号明細書_1">#REF!</definedName>
    <definedName name="第７号明細書" localSheetId="2">#REF!</definedName>
    <definedName name="第７号明細書">#REF!</definedName>
    <definedName name="第７号明細書_1">#REF!</definedName>
    <definedName name="第８号明細書" localSheetId="2">#REF!</definedName>
    <definedName name="第８号明細書">#REF!</definedName>
    <definedName name="第８号明細書_1">#REF!</definedName>
    <definedName name="第９号明細書" localSheetId="2">#REF!</definedName>
    <definedName name="第９号明細書">#REF!</definedName>
    <definedName name="第９号明細書_1">#REF!</definedName>
    <definedName name="単_価">#REF!</definedName>
    <definedName name="単位">#REF!</definedName>
    <definedName name="単価基礎資料">#REF!</definedName>
    <definedName name="端">[26]内訳!$N$3:$N$12</definedName>
    <definedName name="端数" localSheetId="2">#REF!</definedName>
    <definedName name="端数" localSheetId="1">#REF!</definedName>
    <definedName name="端数">#REF!</definedName>
    <definedName name="端数_1">#REF!</definedName>
    <definedName name="端数_3">#REF!</definedName>
    <definedName name="知多南部経費" localSheetId="2">#REF!</definedName>
    <definedName name="知多南部経費" localSheetId="1">#REF!</definedName>
    <definedName name="知多南部経費">#REF!</definedName>
    <definedName name="知多南部経費_1">#REF!</definedName>
    <definedName name="地下水位高" localSheetId="2">#REF!</definedName>
    <definedName name="地下水位高" localSheetId="1">#REF!</definedName>
    <definedName name="地下水位高">#REF!</definedName>
    <definedName name="地下水位高_1">#REF!</definedName>
    <definedName name="地下水位高_3">#REF!</definedName>
    <definedName name="地下水集水路２" localSheetId="2">#REF!</definedName>
    <definedName name="地下水集水路２" localSheetId="1">#REF!</definedName>
    <definedName name="地下水集水路２">#REF!</definedName>
    <definedName name="地下水集水路２_3">#REF!</definedName>
    <definedName name="地反1" localSheetId="2">#REF!</definedName>
    <definedName name="地反1" localSheetId="1">#REF!</definedName>
    <definedName name="地反1">#REF!</definedName>
    <definedName name="地反1_1">#REF!</definedName>
    <definedName name="地反1_3">#REF!</definedName>
    <definedName name="地反2" localSheetId="2">#REF!</definedName>
    <definedName name="地反2" localSheetId="1">#REF!</definedName>
    <definedName name="地反2">#REF!</definedName>
    <definedName name="地反2_1">#REF!</definedName>
    <definedName name="地反2_3">#REF!</definedName>
    <definedName name="地盤高" localSheetId="2">#REF!</definedName>
    <definedName name="地盤高" localSheetId="1">#REF!</definedName>
    <definedName name="地盤高">#REF!</definedName>
    <definedName name="地盤高_1">#REF!</definedName>
    <definedName name="地盤高_3">#REF!</definedName>
    <definedName name="池内水位高" localSheetId="2">#REF!</definedName>
    <definedName name="池内水位高" localSheetId="1">#REF!</definedName>
    <definedName name="池内水位高">#REF!</definedName>
    <definedName name="池内水位高_1">#REF!</definedName>
    <definedName name="池内水位高_3">#REF!</definedName>
    <definedName name="池幅" localSheetId="2">#REF!</definedName>
    <definedName name="池幅" localSheetId="1">#REF!</definedName>
    <definedName name="池幅">#REF!</definedName>
    <definedName name="池幅_1">#REF!</definedName>
    <definedName name="池幅_3">#REF!</definedName>
    <definedName name="置換頁" localSheetId="2">#REF!</definedName>
    <definedName name="置換頁" localSheetId="1">#REF!</definedName>
    <definedName name="置換頁">#REF!</definedName>
    <definedName name="置換頁_3">#REF!</definedName>
    <definedName name="中壁" localSheetId="2">#REF!</definedName>
    <definedName name="中壁" localSheetId="1">#REF!</definedName>
    <definedName name="中壁">#REF!</definedName>
    <definedName name="中壁_1">#REF!</definedName>
    <definedName name="中壁_3">#REF!</definedName>
    <definedName name="中壁1" localSheetId="2">#REF!</definedName>
    <definedName name="中壁1" localSheetId="1">#REF!</definedName>
    <definedName name="中壁1">#REF!</definedName>
    <definedName name="中壁1_1">#REF!</definedName>
    <definedName name="中壁1_3">#REF!</definedName>
    <definedName name="中壁2" localSheetId="2">#REF!</definedName>
    <definedName name="中壁2" localSheetId="1">#REF!</definedName>
    <definedName name="中壁2">#REF!</definedName>
    <definedName name="中壁2_1">#REF!</definedName>
    <definedName name="中壁2_3">#REF!</definedName>
    <definedName name="頂版" localSheetId="2">#REF!</definedName>
    <definedName name="頂版" localSheetId="1">#REF!</definedName>
    <definedName name="頂版">#REF!</definedName>
    <definedName name="頂版_1">#REF!</definedName>
    <definedName name="頂版_3">#REF!</definedName>
    <definedName name="直接経費" localSheetId="2">#REF!</definedName>
    <definedName name="直接経費">#REF!</definedName>
    <definedName name="直接経費_1">#REF!</definedName>
    <definedName name="直接工事費" localSheetId="2">#REF!</definedName>
    <definedName name="直接工事費">#REF!</definedName>
    <definedName name="直接工事費_1">#REF!</definedName>
    <definedName name="直接工事費_3">#REF!</definedName>
    <definedName name="直接材料費" localSheetId="2">#REF!</definedName>
    <definedName name="直接材料費">#REF!</definedName>
    <definedName name="直接材料費_1">#REF!</definedName>
    <definedName name="直接労務費" localSheetId="2">#REF!</definedName>
    <definedName name="直接労務費">#REF!</definedName>
    <definedName name="直接労務費_1">#REF!</definedName>
    <definedName name="沈砂池７" localSheetId="2">#REF!</definedName>
    <definedName name="沈砂池７" localSheetId="1">#REF!</definedName>
    <definedName name="沈砂池７">#REF!</definedName>
    <definedName name="沈砂池７_3">#REF!</definedName>
    <definedName name="沈砂池８" localSheetId="2">#REF!</definedName>
    <definedName name="沈砂池８" localSheetId="1">#REF!</definedName>
    <definedName name="沈砂池８">#REF!</definedName>
    <definedName name="沈砂池８_3">#REF!</definedName>
    <definedName name="通信引込設備工事" localSheetId="2">#REF!</definedName>
    <definedName name="通信引込設備工事" localSheetId="1">#REF!</definedName>
    <definedName name="通信引込設備工事">#REF!</definedName>
    <definedName name="通信引込設備工事_1">#REF!</definedName>
    <definedName name="通信引込設備工事_3">#REF!</definedName>
    <definedName name="通風設備" localSheetId="2">#REF!</definedName>
    <definedName name="通風設備" localSheetId="1">#REF!</definedName>
    <definedName name="通風設備">#REF!</definedName>
    <definedName name="通風設備_1">#REF!</definedName>
    <definedName name="底版" localSheetId="2">#REF!</definedName>
    <definedName name="底版" localSheetId="1">#REF!</definedName>
    <definedName name="底版">#REF!</definedName>
    <definedName name="底版_1">#REF!</definedName>
    <definedName name="底版_3">#REF!</definedName>
    <definedName name="鉄こ">'[10]4.鉄筋ｺ'!$AJ$518</definedName>
    <definedName name="電気" localSheetId="2">#REF!</definedName>
    <definedName name="電気" localSheetId="1">#REF!</definedName>
    <definedName name="電気">#REF!</definedName>
    <definedName name="電気_1">#REF!</definedName>
    <definedName name="電気_3">#REF!</definedName>
    <definedName name="電気改修" localSheetId="2">#REF!</definedName>
    <definedName name="電気改修" localSheetId="1">#REF!</definedName>
    <definedName name="電気改修">#REF!</definedName>
    <definedName name="電気改修_1">#REF!</definedName>
    <definedName name="電気改修1" localSheetId="2">#REF!</definedName>
    <definedName name="電気改修1" localSheetId="1">#REF!</definedName>
    <definedName name="電気改修1">#REF!</definedName>
    <definedName name="電気改修1_1">#REF!</definedName>
    <definedName name="電気新築" localSheetId="2">#REF!</definedName>
    <definedName name="電気新築" localSheetId="1">#REF!</definedName>
    <definedName name="電気新築">#REF!</definedName>
    <definedName name="電気新築_1">#REF!</definedName>
    <definedName name="電気新築1" localSheetId="2">#REF!</definedName>
    <definedName name="電気新築1" localSheetId="1">#REF!</definedName>
    <definedName name="電気新築1">#REF!</definedName>
    <definedName name="電気新築1_1">#REF!</definedName>
    <definedName name="電気設備" localSheetId="2">#REF!</definedName>
    <definedName name="電気設備" localSheetId="1">#REF!</definedName>
    <definedName name="電気設備">#REF!</definedName>
    <definedName name="電気設備_1">#REF!</definedName>
    <definedName name="電気料金" localSheetId="2">#REF!</definedName>
    <definedName name="電気料金" localSheetId="1">#REF!</definedName>
    <definedName name="電気料金">#REF!</definedName>
    <definedName name="電気料金_1">#REF!</definedName>
    <definedName name="電気料金_3">#REF!</definedName>
    <definedName name="電工費" localSheetId="2">#REF!</definedName>
    <definedName name="電工費">#REF!</definedName>
    <definedName name="電工費_1">#REF!</definedName>
    <definedName name="電工費_3">#REF!</definedName>
    <definedName name="電灯設備工事" localSheetId="2">#REF!</definedName>
    <definedName name="電灯設備工事" localSheetId="1">#REF!</definedName>
    <definedName name="電灯設備工事">#REF!</definedName>
    <definedName name="電灯設備工事_1">#REF!</definedName>
    <definedName name="電灯設備工事_3">#REF!</definedName>
    <definedName name="電力引込設備工事" localSheetId="2">#REF!</definedName>
    <definedName name="電力引込設備工事" localSheetId="1">#REF!</definedName>
    <definedName name="電力引込設備工事">#REF!</definedName>
    <definedName name="電力引込設備工事_1">#REF!</definedName>
    <definedName name="電力引込設備工事_3">#REF!</definedName>
    <definedName name="電話設備工事" localSheetId="2">#REF!</definedName>
    <definedName name="電話設備工事" localSheetId="1">#REF!</definedName>
    <definedName name="電話設備工事">#REF!</definedName>
    <definedName name="電話設備工事_1">#REF!</definedName>
    <definedName name="電話設備工事_3">#REF!</definedName>
    <definedName name="塗装単" localSheetId="2">#REF!</definedName>
    <definedName name="塗装単" localSheetId="1">#REF!</definedName>
    <definedName name="塗装単">#REF!</definedName>
    <definedName name="塗装単_1">#REF!</definedName>
    <definedName name="渡り廊下設備工事" localSheetId="2">#REF!</definedName>
    <definedName name="渡り廊下設備工事" localSheetId="1">#REF!</definedName>
    <definedName name="渡り廊下設備工事">#REF!</definedName>
    <definedName name="渡り廊下設備工事_1">#REF!</definedName>
    <definedName name="渡り廊下設備工事_3">#REF!</definedName>
    <definedName name="土被り" localSheetId="2">#REF!</definedName>
    <definedName name="土被り" localSheetId="1">#REF!</definedName>
    <definedName name="土被り">#REF!</definedName>
    <definedName name="土被り_1">#REF!</definedName>
    <definedName name="土被り_3">#REF!</definedName>
    <definedName name="動力設備工事" localSheetId="2">#REF!</definedName>
    <definedName name="動力設備工事" localSheetId="1">#REF!</definedName>
    <definedName name="動力設備工事">#REF!</definedName>
    <definedName name="動力設備工事_1">#REF!</definedName>
    <definedName name="動力設備工事_3">#REF!</definedName>
    <definedName name="特殊単" localSheetId="2">#REF!</definedName>
    <definedName name="特殊単" localSheetId="1">#REF!</definedName>
    <definedName name="特殊単">#REF!</definedName>
    <definedName name="特殊単_1">#REF!</definedName>
    <definedName name="内_____容">#REF!</definedName>
    <definedName name="内訳印刷">#REF!</definedName>
    <definedName name="内訳作成" localSheetId="2">#REF!</definedName>
    <definedName name="内訳作成" localSheetId="1">#REF!</definedName>
    <definedName name="内訳作成">#REF!</definedName>
    <definedName name="内訳作成_3">#REF!</definedName>
    <definedName name="内訳追加作成" localSheetId="2">#REF!</definedName>
    <definedName name="内訳追加作成" localSheetId="1">#REF!</definedName>
    <definedName name="内訳追加作成">#REF!</definedName>
    <definedName name="内訳追加作成_3">#REF!</definedName>
    <definedName name="燃焼ガス冷却設備" localSheetId="2">#REF!</definedName>
    <definedName name="燃焼ガス冷却設備" localSheetId="1">#REF!</definedName>
    <definedName name="燃焼ガス冷却設備">#REF!</definedName>
    <definedName name="燃焼ガス冷却設備_1">#REF!</definedName>
    <definedName name="燃焼設備" localSheetId="2">#REF!</definedName>
    <definedName name="燃焼設備" localSheetId="1">#REF!</definedName>
    <definedName name="燃焼設備">#REF!</definedName>
    <definedName name="燃焼設備_1">#REF!</definedName>
    <definedName name="納品場所" localSheetId="2">#REF!</definedName>
    <definedName name="納品場所" localSheetId="1">#REF!</definedName>
    <definedName name="納品場所">#REF!</definedName>
    <definedName name="納品場所_3">#REF!</definedName>
    <definedName name="排ガス処理設備" localSheetId="2">#REF!</definedName>
    <definedName name="排ガス処理設備" localSheetId="1">#REF!</definedName>
    <definedName name="排ガス処理設備">#REF!</definedName>
    <definedName name="排ガス処理設備_1">#REF!</definedName>
    <definedName name="排水工事" localSheetId="2">#REF!</definedName>
    <definedName name="排水工事" localSheetId="1">#REF!</definedName>
    <definedName name="排水工事">#REF!</definedName>
    <definedName name="排水工事_3">#REF!</definedName>
    <definedName name="配分電盤" localSheetId="2">#REF!</definedName>
    <definedName name="配分電盤" localSheetId="1">#REF!</definedName>
    <definedName name="配分電盤">#REF!</definedName>
    <definedName name="配分電盤_1">#REF!</definedName>
    <definedName name="配分電盤_3">#REF!</definedName>
    <definedName name="八戸北2_PAC">#REF!</definedName>
    <definedName name="搬入基準単価">#REF!</definedName>
    <definedName name="搬入道路２" localSheetId="2">#REF!</definedName>
    <definedName name="搬入道路２" localSheetId="1">#REF!</definedName>
    <definedName name="搬入道路２">#REF!</definedName>
    <definedName name="搬入道路２_3">#REF!</definedName>
    <definedName name="番号選択1" localSheetId="2">#REF!</definedName>
    <definedName name="番号選択1" localSheetId="1">#REF!</definedName>
    <definedName name="番号選択1">#REF!</definedName>
    <definedName name="備_________考">#REF!</definedName>
    <definedName name="表紙" localSheetId="2">#REF!</definedName>
    <definedName name="表紙" localSheetId="1">#REF!</definedName>
    <definedName name="表紙">#REF!</definedName>
    <definedName name="表紙_1">#REF!</definedName>
    <definedName name="表紙_3">#REF!</definedName>
    <definedName name="表紙00">#REF!</definedName>
    <definedName name="表紙１" localSheetId="2">#REF!</definedName>
    <definedName name="表紙１" localSheetId="1">#REF!</definedName>
    <definedName name="表紙１">#REF!</definedName>
    <definedName name="表紙１_1">#REF!</definedName>
    <definedName name="表紙１_3">#REF!</definedName>
    <definedName name="表紙１１" localSheetId="2">#REF!</definedName>
    <definedName name="表紙１１" localSheetId="1">#REF!</definedName>
    <definedName name="表紙１１">#REF!</definedName>
    <definedName name="表紙１１_1">#REF!</definedName>
    <definedName name="表紙１１_3">#REF!</definedName>
    <definedName name="表紙２" localSheetId="2">#REF!</definedName>
    <definedName name="表紙２" localSheetId="1">#REF!</definedName>
    <definedName name="表紙２">#REF!</definedName>
    <definedName name="表紙２_1">#REF!</definedName>
    <definedName name="表紙２_3">#REF!</definedName>
    <definedName name="表紙あ" localSheetId="2">#REF!</definedName>
    <definedName name="表紙あ" localSheetId="1">#REF!</definedName>
    <definedName name="表紙あ">#REF!</definedName>
    <definedName name="表紙あ_1">#REF!</definedName>
    <definedName name="表紙あ_3">#REF!</definedName>
    <definedName name="普通単" localSheetId="2">#REF!</definedName>
    <definedName name="普通単" localSheetId="1">#REF!</definedName>
    <definedName name="普通単">#REF!</definedName>
    <definedName name="普通単_1">#REF!</definedName>
    <definedName name="部位" localSheetId="2">#REF!</definedName>
    <definedName name="部位" localSheetId="1">#REF!</definedName>
    <definedName name="部位">#REF!</definedName>
    <definedName name="部位_1">#REF!</definedName>
    <definedName name="部材" localSheetId="2">#REF!</definedName>
    <definedName name="部材" localSheetId="1">#REF!</definedName>
    <definedName name="部材">#REF!</definedName>
    <definedName name="部材_1">#REF!</definedName>
    <definedName name="幅" localSheetId="2">#REF!</definedName>
    <definedName name="幅" localSheetId="1">#REF!</definedName>
    <definedName name="幅">#REF!</definedName>
    <definedName name="幅_1">#REF!</definedName>
    <definedName name="幅_3">#REF!</definedName>
    <definedName name="複合一次単価">#REF!</definedName>
    <definedName name="複合工費" localSheetId="2">#REF!</definedName>
    <definedName name="複合工費">#REF!</definedName>
    <definedName name="複合工費_1">#REF!</definedName>
    <definedName name="複合単価表">#REF!</definedName>
    <definedName name="複写範囲_11">#REF!</definedName>
    <definedName name="複写範囲_15">#REF!</definedName>
    <definedName name="複写範囲_16">#REF!</definedName>
    <definedName name="平成__年__月__日" localSheetId="2">#REF!</definedName>
    <definedName name="平成__年__月__日" localSheetId="1">#REF!</definedName>
    <definedName name="平成__年__月__日">#REF!</definedName>
    <definedName name="平成__年__月__日_1">#REF!</definedName>
    <definedName name="平成__年__月__日_3">#REF!</definedName>
    <definedName name="頁計処理" localSheetId="2">#REF!</definedName>
    <definedName name="頁計処理" localSheetId="1">#REF!</definedName>
    <definedName name="頁計処理">#REF!</definedName>
    <definedName name="頁計処理_3">#REF!</definedName>
    <definedName name="頁削除" localSheetId="2">#REF!</definedName>
    <definedName name="頁削除" localSheetId="1">#REF!</definedName>
    <definedName name="頁削除">#REF!</definedName>
    <definedName name="頁削除_3">#REF!</definedName>
    <definedName name="頁挿入" localSheetId="2">#REF!</definedName>
    <definedName name="頁挿入" localSheetId="1">#REF!</definedName>
    <definedName name="頁挿入">#REF!</definedName>
    <definedName name="頁挿入_3">#REF!</definedName>
    <definedName name="別1" localSheetId="2">#REF!</definedName>
    <definedName name="別1" localSheetId="1">#REF!</definedName>
    <definedName name="別1">#REF!</definedName>
    <definedName name="別1_1">#REF!</definedName>
    <definedName name="別1_3">#REF!</definedName>
    <definedName name="別10" localSheetId="2">#REF!</definedName>
    <definedName name="別10" localSheetId="1">#REF!</definedName>
    <definedName name="別10">#REF!</definedName>
    <definedName name="別10_1">#REF!</definedName>
    <definedName name="別10_3">#REF!</definedName>
    <definedName name="別11" localSheetId="2">#REF!</definedName>
    <definedName name="別11" localSheetId="1">#REF!</definedName>
    <definedName name="別11">#REF!</definedName>
    <definedName name="別11_1">#REF!</definedName>
    <definedName name="別11_3">#REF!</definedName>
    <definedName name="別12" localSheetId="2">#REF!</definedName>
    <definedName name="別12" localSheetId="1">#REF!</definedName>
    <definedName name="別12">#REF!</definedName>
    <definedName name="別12_1">#REF!</definedName>
    <definedName name="別12_3">#REF!</definedName>
    <definedName name="別13" localSheetId="2">#REF!</definedName>
    <definedName name="別13" localSheetId="1">#REF!</definedName>
    <definedName name="別13">#REF!</definedName>
    <definedName name="別13_1">#REF!</definedName>
    <definedName name="別13_3">#REF!</definedName>
    <definedName name="別14" localSheetId="2">#REF!</definedName>
    <definedName name="別14" localSheetId="1">#REF!</definedName>
    <definedName name="別14">#REF!</definedName>
    <definedName name="別14_1">#REF!</definedName>
    <definedName name="別14_3">#REF!</definedName>
    <definedName name="別15" localSheetId="2">#REF!</definedName>
    <definedName name="別15" localSheetId="1">#REF!</definedName>
    <definedName name="別15">#REF!</definedName>
    <definedName name="別15_1">#REF!</definedName>
    <definedName name="別15_3">#REF!</definedName>
    <definedName name="別16" localSheetId="2">#REF!</definedName>
    <definedName name="別16" localSheetId="1">#REF!</definedName>
    <definedName name="別16">#REF!</definedName>
    <definedName name="別16_1">#REF!</definedName>
    <definedName name="別16_3">#REF!</definedName>
    <definedName name="別17" localSheetId="2">#REF!</definedName>
    <definedName name="別17" localSheetId="1">#REF!</definedName>
    <definedName name="別17">#REF!</definedName>
    <definedName name="別17_1">#REF!</definedName>
    <definedName name="別17_3">#REF!</definedName>
    <definedName name="別18" localSheetId="2">#REF!</definedName>
    <definedName name="別18" localSheetId="1">#REF!</definedName>
    <definedName name="別18">#REF!</definedName>
    <definedName name="別18_1">#REF!</definedName>
    <definedName name="別18_3">#REF!</definedName>
    <definedName name="別19" localSheetId="2">#REF!</definedName>
    <definedName name="別19" localSheetId="1">#REF!</definedName>
    <definedName name="別19">#REF!</definedName>
    <definedName name="別19_1">#REF!</definedName>
    <definedName name="別19_3">#REF!</definedName>
    <definedName name="別2" localSheetId="2">#REF!</definedName>
    <definedName name="別2" localSheetId="1">#REF!</definedName>
    <definedName name="別2">#REF!</definedName>
    <definedName name="別2_1">#REF!</definedName>
    <definedName name="別2_3">#REF!</definedName>
    <definedName name="別20" localSheetId="2">#REF!</definedName>
    <definedName name="別20" localSheetId="1">#REF!</definedName>
    <definedName name="別20">#REF!</definedName>
    <definedName name="別20_1">#REF!</definedName>
    <definedName name="別20_3">#REF!</definedName>
    <definedName name="別21" localSheetId="2">#REF!</definedName>
    <definedName name="別21" localSheetId="1">#REF!</definedName>
    <definedName name="別21">#REF!</definedName>
    <definedName name="別21_1">#REF!</definedName>
    <definedName name="別21_3">#REF!</definedName>
    <definedName name="別22" localSheetId="2">#REF!</definedName>
    <definedName name="別22" localSheetId="1">#REF!</definedName>
    <definedName name="別22">#REF!</definedName>
    <definedName name="別22_1">#REF!</definedName>
    <definedName name="別22_3">#REF!</definedName>
    <definedName name="別23" localSheetId="2">#REF!</definedName>
    <definedName name="別23" localSheetId="1">#REF!</definedName>
    <definedName name="別23">#REF!</definedName>
    <definedName name="別23_1">#REF!</definedName>
    <definedName name="別23_3">#REF!</definedName>
    <definedName name="別24" localSheetId="2">#REF!</definedName>
    <definedName name="別24" localSheetId="1">#REF!</definedName>
    <definedName name="別24">#REF!</definedName>
    <definedName name="別24_1">#REF!</definedName>
    <definedName name="別24_3">#REF!</definedName>
    <definedName name="別25" localSheetId="2">#REF!</definedName>
    <definedName name="別25" localSheetId="1">#REF!</definedName>
    <definedName name="別25">#REF!</definedName>
    <definedName name="別25_1">#REF!</definedName>
    <definedName name="別25_3">#REF!</definedName>
    <definedName name="別3" localSheetId="2">#REF!</definedName>
    <definedName name="別3" localSheetId="1">#REF!</definedName>
    <definedName name="別3">#REF!</definedName>
    <definedName name="別3_1">#REF!</definedName>
    <definedName name="別3_3">#REF!</definedName>
    <definedName name="別4" localSheetId="2">#REF!</definedName>
    <definedName name="別4" localSheetId="1">#REF!</definedName>
    <definedName name="別4">#REF!</definedName>
    <definedName name="別4_1">#REF!</definedName>
    <definedName name="別4_3">#REF!</definedName>
    <definedName name="別5" localSheetId="2">#REF!</definedName>
    <definedName name="別5" localSheetId="1">#REF!</definedName>
    <definedName name="別5">#REF!</definedName>
    <definedName name="別5_1">#REF!</definedName>
    <definedName name="別5_3">#REF!</definedName>
    <definedName name="別6" localSheetId="2">#REF!</definedName>
    <definedName name="別6" localSheetId="1">#REF!</definedName>
    <definedName name="別6">#REF!</definedName>
    <definedName name="別6_1">#REF!</definedName>
    <definedName name="別6_3">#REF!</definedName>
    <definedName name="別7" localSheetId="2">#REF!</definedName>
    <definedName name="別7" localSheetId="1">#REF!</definedName>
    <definedName name="別7">#REF!</definedName>
    <definedName name="別7_1">#REF!</definedName>
    <definedName name="別7_3">#REF!</definedName>
    <definedName name="別8" localSheetId="2">#REF!</definedName>
    <definedName name="別8" localSheetId="1">#REF!</definedName>
    <definedName name="別8">#REF!</definedName>
    <definedName name="別8_1">#REF!</definedName>
    <definedName name="別8_3">#REF!</definedName>
    <definedName name="別9" localSheetId="2">#REF!</definedName>
    <definedName name="別9" localSheetId="1">#REF!</definedName>
    <definedName name="別9">#REF!</definedName>
    <definedName name="別9_1">#REF!</definedName>
    <definedName name="別9_3">#REF!</definedName>
    <definedName name="変数">#N/A</definedName>
    <definedName name="変数_1">NA()</definedName>
    <definedName name="便所棟" localSheetId="2">#REF!</definedName>
    <definedName name="便所棟" localSheetId="1">#REF!</definedName>
    <definedName name="便所棟">#REF!</definedName>
    <definedName name="便所棟_1">#REF!</definedName>
    <definedName name="便所棟_3">#REF!</definedName>
    <definedName name="保温">#REF!</definedName>
    <definedName name="保存" localSheetId="2">#REF!</definedName>
    <definedName name="保存" localSheetId="1">#REF!</definedName>
    <definedName name="保存">#REF!</definedName>
    <definedName name="保存_3">#REF!</definedName>
    <definedName name="舗装工事" localSheetId="2">#REF!</definedName>
    <definedName name="舗装工事" localSheetId="1">#REF!</definedName>
    <definedName name="舗装工事">#REF!</definedName>
    <definedName name="舗装工事_3">#REF!</definedName>
    <definedName name="補強屋１次" localSheetId="2">#REF!</definedName>
    <definedName name="補強屋１次" localSheetId="1">#REF!</definedName>
    <definedName name="補強屋１次">#REF!</definedName>
    <definedName name="補強屋１次_1">#REF!</definedName>
    <definedName name="補強屋１次_3">#REF!</definedName>
    <definedName name="補強屋１次黄" localSheetId="2">#REF!</definedName>
    <definedName name="補強屋１次黄" localSheetId="1">#REF!</definedName>
    <definedName name="補強屋１次黄">#REF!</definedName>
    <definedName name="補強屋１次黄_1">#REF!</definedName>
    <definedName name="補強屋１次黄_3">#REF!</definedName>
    <definedName name="補強屋１次単" localSheetId="2">#REF!</definedName>
    <definedName name="補強屋１次単" localSheetId="1">#REF!</definedName>
    <definedName name="補強屋１次単">#REF!</definedName>
    <definedName name="補強屋１次単_1">#REF!</definedName>
    <definedName name="補強屋１次単_3">#REF!</definedName>
    <definedName name="補強屋２次" localSheetId="2">#REF!</definedName>
    <definedName name="補強屋２次" localSheetId="1">#REF!</definedName>
    <definedName name="補強屋２次">#REF!</definedName>
    <definedName name="補強屋２次_1">#REF!</definedName>
    <definedName name="補強屋２次_3">#REF!</definedName>
    <definedName name="補強屋２次黄" localSheetId="2">#REF!</definedName>
    <definedName name="補強屋２次黄" localSheetId="1">#REF!</definedName>
    <definedName name="補強屋２次黄">#REF!</definedName>
    <definedName name="補強屋２次黄_1">#REF!</definedName>
    <definedName name="補強屋２次黄_3">#REF!</definedName>
    <definedName name="補強屋２次青" localSheetId="2">#REF!</definedName>
    <definedName name="補強屋２次青" localSheetId="1">#REF!</definedName>
    <definedName name="補強屋２次青">#REF!</definedName>
    <definedName name="補強屋２次青_1">#REF!</definedName>
    <definedName name="補強屋２次青_3">#REF!</definedName>
    <definedName name="補強校１次" localSheetId="2">#REF!</definedName>
    <definedName name="補強校１次" localSheetId="1">#REF!</definedName>
    <definedName name="補強校１次">#REF!</definedName>
    <definedName name="補強校１次_1">#REF!</definedName>
    <definedName name="補強校１次_3">#REF!</definedName>
    <definedName name="補強校1次黄" localSheetId="2">#REF!</definedName>
    <definedName name="補強校1次黄" localSheetId="1">#REF!</definedName>
    <definedName name="補強校1次黄">#REF!</definedName>
    <definedName name="補強校1次黄_1">#REF!</definedName>
    <definedName name="補強校1次黄_3">#REF!</definedName>
    <definedName name="補強校１次単" localSheetId="2">#REF!</definedName>
    <definedName name="補強校１次単" localSheetId="1">#REF!</definedName>
    <definedName name="補強校１次単">#REF!</definedName>
    <definedName name="補強校１次単_1">#REF!</definedName>
    <definedName name="補強校１次単_3">#REF!</definedName>
    <definedName name="補強校２次" localSheetId="2">#REF!</definedName>
    <definedName name="補強校２次" localSheetId="1">#REF!</definedName>
    <definedName name="補強校２次">#REF!</definedName>
    <definedName name="補強校２次_1">#REF!</definedName>
    <definedName name="補強校２次_3">#REF!</definedName>
    <definedName name="補強校２次黄" localSheetId="2">#REF!</definedName>
    <definedName name="補強校２次黄" localSheetId="1">#REF!</definedName>
    <definedName name="補強校２次黄">#REF!</definedName>
    <definedName name="補強校２次黄_1">#REF!</definedName>
    <definedName name="補強校２次黄_3">#REF!</definedName>
    <definedName name="補強校２次青" localSheetId="2">#REF!</definedName>
    <definedName name="補強校２次青" localSheetId="1">#REF!</definedName>
    <definedName name="補強校２次青">#REF!</definedName>
    <definedName name="補強校２次青_1">#REF!</definedName>
    <definedName name="補強校２次青_3">#REF!</definedName>
    <definedName name="補助機能" localSheetId="2">#REF!</definedName>
    <definedName name="補助機能" localSheetId="1">#REF!</definedName>
    <definedName name="補助機能">#REF!</definedName>
    <definedName name="補助機能_1">#REF!</definedName>
    <definedName name="補助機能_3">#REF!</definedName>
    <definedName name="補助材料費" localSheetId="2">#REF!</definedName>
    <definedName name="補助材料費">#REF!</definedName>
    <definedName name="補助材料費_1">#REF!</definedName>
    <definedName name="防犯設備工事" localSheetId="2">#REF!</definedName>
    <definedName name="防犯設備工事" localSheetId="1">#REF!</definedName>
    <definedName name="防犯設備工事">#REF!</definedName>
    <definedName name="防犯設備工事_1">#REF!</definedName>
    <definedName name="防犯設備工事_3">#REF!</definedName>
    <definedName name="埋か">'[10]8-9.円,埋型4m未満'!$AJ$88</definedName>
    <definedName name="埋め支">[10]支保工!$AJ$448</definedName>
    <definedName name="未満か">'[10]6.普型4m未満'!$AJ$308</definedName>
    <definedName name="無か">'[10]10-11.無筋ｺ-型'!$AJ$139</definedName>
    <definedName name="無こ">'[10]10-11.無筋ｺ-型'!$AJ$79</definedName>
    <definedName name="名____称">#REF!</definedName>
    <definedName name="名称" localSheetId="2">#REF!</definedName>
    <definedName name="名称" localSheetId="1">#REF!</definedName>
    <definedName name="名称">#REF!</definedName>
    <definedName name="名称_1">#REF!</definedName>
    <definedName name="名称_3">#REF!</definedName>
    <definedName name="輸送費" localSheetId="2">#REF!</definedName>
    <definedName name="輸送費">#REF!</definedName>
    <definedName name="輸送費_1">#REF!</definedName>
    <definedName name="予算額">#REF!</definedName>
    <definedName name="余熱利用設備" localSheetId="2">#REF!</definedName>
    <definedName name="余熱利用設備" localSheetId="1">#REF!</definedName>
    <definedName name="余熱利用設備">#REF!</definedName>
    <definedName name="余熱利用設備_1">#REF!</definedName>
    <definedName name="容積品" localSheetId="2">#REF!</definedName>
    <definedName name="容積品">#REF!</definedName>
    <definedName name="容積品_1">#REF!</definedName>
    <definedName name="溶接">[17]鋼材!$K$2:$Q$33</definedName>
    <definedName name="溶接_1">[18]鋼材!$K$2:$Q$33</definedName>
    <definedName name="溶接単" localSheetId="2">#REF!</definedName>
    <definedName name="溶接単" localSheetId="1">#REF!</definedName>
    <definedName name="溶接単">#REF!</definedName>
    <definedName name="溶接単_1">#REF!</definedName>
    <definedName name="率">[26]内訳!$J$3:$K$17</definedName>
    <definedName name="率SLW">[27]庭球!$K$10</definedName>
    <definedName name="率ｱﾙﾐ建具">[27]庭球!$K$8</definedName>
    <definedName name="率ｽﾁｰﾙ建具">[27]庭球!$K$9</definedName>
    <definedName name="率ﾀｲﾙ">[27]庭球!$K$5</definedName>
    <definedName name="率ﾕﾆｯﾄ">[27]庭球!$K$11</definedName>
    <definedName name="率屋根">[27]庭球!$K$6</definedName>
    <definedName name="率杭">[27]庭球!$K$3</definedName>
    <definedName name="率防水">[27]庭球!$K$4</definedName>
    <definedName name="率木製建具" localSheetId="2">#REF!</definedName>
    <definedName name="率木製建具" localSheetId="1">#REF!</definedName>
    <definedName name="率木製建具">#REF!</definedName>
    <definedName name="率木製建具_3">#REF!</definedName>
    <definedName name="労務単価">[28]Sheet1!$B$2</definedName>
    <definedName name="労務単価表">#REF!</definedName>
    <definedName name="労務費キャンセル" localSheetId="2">[9]!労務費キャンセル</definedName>
    <definedName name="労務費キャンセル" localSheetId="1">[9]!労務費キャンセル</definedName>
    <definedName name="労務費キャンセル">[9]!労務費キャンセル</definedName>
    <definedName name="労務費キャンセル_1">#N/A</definedName>
  </definedNames>
  <calcPr calcId="191029" concurrentCalc="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xmlns:r="http://schemas.openxmlformats.org/officeDocument/2006/relationships" count="396" uniqueCount="396">
  <si>
    <t>重力式擁壁</t>
    <rPh sb="0" eb="2">
      <t>ジュウリョク</t>
    </rPh>
    <rPh sb="2" eb="3">
      <t>シキ</t>
    </rPh>
    <rPh sb="3" eb="5">
      <t>ヨウヘキ</t>
    </rPh>
    <phoneticPr fontId="30"/>
  </si>
  <si>
    <t>m3</t>
  </si>
  <si>
    <t>B4①・B4②・B4④・B4⑥</t>
  </si>
  <si>
    <t>北面、東面、スロープ付近等</t>
    <rPh sb="0" eb="1">
      <t>キタ</t>
    </rPh>
    <rPh sb="1" eb="2">
      <t>メン</t>
    </rPh>
    <rPh sb="3" eb="4">
      <t>ヒガシ</t>
    </rPh>
    <rPh sb="4" eb="5">
      <t>メン</t>
    </rPh>
    <rPh sb="10" eb="12">
      <t>フキン</t>
    </rPh>
    <rPh sb="12" eb="13">
      <t>トウ</t>
    </rPh>
    <phoneticPr fontId="49"/>
  </si>
  <si>
    <t>溶出基準超過土壌</t>
    <rPh sb="0" eb="2">
      <t>ヨウシュツ</t>
    </rPh>
    <rPh sb="2" eb="4">
      <t>キジュン</t>
    </rPh>
    <rPh sb="4" eb="6">
      <t>チョウカ</t>
    </rPh>
    <rPh sb="6" eb="8">
      <t>ドジョウ</t>
    </rPh>
    <phoneticPr fontId="30"/>
  </si>
  <si>
    <t>ｍ3</t>
  </si>
  <si>
    <t>現場管理費</t>
    <rPh sb="0" eb="2">
      <t>ゲンバ</t>
    </rPh>
    <rPh sb="2" eb="5">
      <t>カンリヒ</t>
    </rPh>
    <phoneticPr fontId="30"/>
  </si>
  <si>
    <t>2.汚染土壌除去工事</t>
    <rPh sb="2" eb="4">
      <t>オセン</t>
    </rPh>
    <rPh sb="4" eb="6">
      <t>ドジョウ</t>
    </rPh>
    <rPh sb="6" eb="8">
      <t>ジョキョ</t>
    </rPh>
    <rPh sb="8" eb="10">
      <t>コウジ</t>
    </rPh>
    <phoneticPr fontId="30"/>
  </si>
  <si>
    <t>1.表層DXNｓ</t>
    <rPh sb="2" eb="4">
      <t>ヒョウソウ</t>
    </rPh>
    <phoneticPr fontId="30"/>
  </si>
  <si>
    <t>名　　称</t>
    <rPh sb="0" eb="1">
      <t>ナ</t>
    </rPh>
    <rPh sb="3" eb="4">
      <t>ショウ</t>
    </rPh>
    <phoneticPr fontId="50"/>
  </si>
  <si>
    <t>陶管</t>
    <rPh sb="0" eb="2">
      <t>トウカン</t>
    </rPh>
    <phoneticPr fontId="30"/>
  </si>
  <si>
    <t>金額</t>
    <rPh sb="0" eb="2">
      <t>キンガク</t>
    </rPh>
    <phoneticPr fontId="30"/>
  </si>
  <si>
    <t>モニタリング及び分析</t>
    <rPh sb="6" eb="7">
      <t>オヨ</t>
    </rPh>
    <rPh sb="8" eb="10">
      <t>ブンセキ</t>
    </rPh>
    <phoneticPr fontId="30"/>
  </si>
  <si>
    <t>圧砕機</t>
    <rPh sb="0" eb="1">
      <t>アツ</t>
    </rPh>
    <rPh sb="1" eb="2">
      <t>サイ</t>
    </rPh>
    <rPh sb="2" eb="3">
      <t>キ</t>
    </rPh>
    <phoneticPr fontId="30"/>
  </si>
  <si>
    <t>ｍ</t>
  </si>
  <si>
    <t>消費税</t>
    <rPh sb="0" eb="3">
      <t>ショウヒゼイ</t>
    </rPh>
    <phoneticPr fontId="30"/>
  </si>
  <si>
    <t>1回/月</t>
    <rPh sb="1" eb="2">
      <t>カイ</t>
    </rPh>
    <rPh sb="3" eb="4">
      <t>ツキ</t>
    </rPh>
    <phoneticPr fontId="30"/>
  </si>
  <si>
    <t>排ガス対策型</t>
    <rPh sb="0" eb="1">
      <t>ハイ</t>
    </rPh>
    <rPh sb="3" eb="5">
      <t>タイサク</t>
    </rPh>
    <rPh sb="5" eb="6">
      <t>ガタ</t>
    </rPh>
    <phoneticPr fontId="30"/>
  </si>
  <si>
    <t>DXNｓ含有土壌除去</t>
    <rPh sb="4" eb="6">
      <t>ガンユウ</t>
    </rPh>
    <rPh sb="6" eb="8">
      <t>ドジョウ</t>
    </rPh>
    <rPh sb="8" eb="10">
      <t>ジョキョ</t>
    </rPh>
    <phoneticPr fontId="30"/>
  </si>
  <si>
    <t>交通整理員B</t>
    <rPh sb="0" eb="2">
      <t>コウツウ</t>
    </rPh>
    <rPh sb="2" eb="4">
      <t>セイリ</t>
    </rPh>
    <rPh sb="4" eb="5">
      <t>イン</t>
    </rPh>
    <phoneticPr fontId="30"/>
  </si>
  <si>
    <t>数量</t>
    <rPh sb="0" eb="2">
      <t>スウリョウ</t>
    </rPh>
    <phoneticPr fontId="30"/>
  </si>
  <si>
    <t>直接工事費　細目別内訳書</t>
    <rPh sb="0" eb="2">
      <t>チョクセツ</t>
    </rPh>
    <rPh sb="2" eb="5">
      <t>コウジヒ</t>
    </rPh>
    <rPh sb="6" eb="8">
      <t>サイモク</t>
    </rPh>
    <rPh sb="8" eb="9">
      <t>ベツ</t>
    </rPh>
    <rPh sb="9" eb="12">
      <t>ウチワケショ</t>
    </rPh>
    <phoneticPr fontId="50"/>
  </si>
  <si>
    <t>10.廃棄物処理費</t>
    <rPh sb="3" eb="6">
      <t>ハイキブツ</t>
    </rPh>
    <rPh sb="6" eb="8">
      <t>ショリ</t>
    </rPh>
    <rPh sb="8" eb="9">
      <t>ヒ</t>
    </rPh>
    <phoneticPr fontId="30"/>
  </si>
  <si>
    <t>備　　　考</t>
    <rPh sb="0" eb="1">
      <t>ソノウ</t>
    </rPh>
    <rPh sb="4" eb="5">
      <t>コウ</t>
    </rPh>
    <phoneticPr fontId="30"/>
  </si>
  <si>
    <t>3.モニタリング及び分析</t>
    <rPh sb="8" eb="9">
      <t>オヨ</t>
    </rPh>
    <rPh sb="10" eb="12">
      <t>ブンセキ</t>
    </rPh>
    <phoneticPr fontId="30"/>
  </si>
  <si>
    <t>集積、積込</t>
    <rPh sb="0" eb="2">
      <t>シュウセキ</t>
    </rPh>
    <rPh sb="3" eb="5">
      <t>ツミコミ</t>
    </rPh>
    <phoneticPr fontId="30"/>
  </si>
  <si>
    <t>単位</t>
    <rPh sb="0" eb="2">
      <t>タンイ</t>
    </rPh>
    <phoneticPr fontId="30"/>
  </si>
  <si>
    <t>水替え工</t>
    <rPh sb="0" eb="1">
      <t>ミズ</t>
    </rPh>
    <rPh sb="1" eb="2">
      <t>カ</t>
    </rPh>
    <rPh sb="3" eb="4">
      <t>コウ</t>
    </rPh>
    <phoneticPr fontId="30"/>
  </si>
  <si>
    <t>　二次掘削土壌</t>
    <rPh sb="1" eb="3">
      <t>ニジ</t>
    </rPh>
    <rPh sb="3" eb="5">
      <t>クッサク</t>
    </rPh>
    <rPh sb="5" eb="7">
      <t>ドジョウ</t>
    </rPh>
    <phoneticPr fontId="30"/>
  </si>
  <si>
    <t>名称</t>
    <rPh sb="0" eb="2">
      <t>メイショウ</t>
    </rPh>
    <phoneticPr fontId="50"/>
  </si>
  <si>
    <t>単　価</t>
    <rPh sb="0" eb="1">
      <t>タン</t>
    </rPh>
    <rPh sb="2" eb="3">
      <t>アタイ</t>
    </rPh>
    <phoneticPr fontId="50"/>
  </si>
  <si>
    <t>（サンプリング含む）</t>
    <rPh sb="7" eb="8">
      <t>フク</t>
    </rPh>
    <phoneticPr fontId="30"/>
  </si>
  <si>
    <t>500×750</t>
  </si>
  <si>
    <t>適　　　要</t>
    <rPh sb="0" eb="1">
      <t>テキ</t>
    </rPh>
    <rPh sb="4" eb="5">
      <t>ヨウ</t>
    </rPh>
    <phoneticPr fontId="50"/>
  </si>
  <si>
    <t>汚染土壌</t>
    <rPh sb="0" eb="2">
      <t>オセン</t>
    </rPh>
    <rPh sb="2" eb="4">
      <t>ドジョウ</t>
    </rPh>
    <phoneticPr fontId="30"/>
  </si>
  <si>
    <t>環境事業課</t>
    <rPh sb="0" eb="2">
      <t>カンキョウ</t>
    </rPh>
    <rPh sb="2" eb="4">
      <t>ジギョウ</t>
    </rPh>
    <rPh sb="4" eb="5">
      <t>カ</t>
    </rPh>
    <phoneticPr fontId="30"/>
  </si>
  <si>
    <t>一次掘削</t>
    <rPh sb="0" eb="2">
      <t>イチジ</t>
    </rPh>
    <rPh sb="2" eb="4">
      <t>クッサク</t>
    </rPh>
    <phoneticPr fontId="30"/>
  </si>
  <si>
    <t>二次掘削</t>
    <rPh sb="0" eb="2">
      <t>ニジ</t>
    </rPh>
    <rPh sb="2" eb="4">
      <t>クッサク</t>
    </rPh>
    <phoneticPr fontId="30"/>
  </si>
  <si>
    <t>ガードレール</t>
  </si>
  <si>
    <t>アスファルト殻</t>
    <rPh sb="6" eb="7">
      <t>ガラ</t>
    </rPh>
    <phoneticPr fontId="30"/>
  </si>
  <si>
    <t>式</t>
    <rPh sb="0" eb="1">
      <t>シキ</t>
    </rPh>
    <phoneticPr fontId="30"/>
  </si>
  <si>
    <t>計</t>
    <rPh sb="0" eb="1">
      <t>ケイ</t>
    </rPh>
    <phoneticPr fontId="30"/>
  </si>
  <si>
    <t>小計</t>
    <rPh sb="0" eb="2">
      <t>ショウケイ</t>
    </rPh>
    <phoneticPr fontId="30"/>
  </si>
  <si>
    <t>鉄筋切断</t>
    <rPh sb="0" eb="2">
      <t>テッキン</t>
    </rPh>
    <rPh sb="2" eb="4">
      <t>セツダン</t>
    </rPh>
    <phoneticPr fontId="30"/>
  </si>
  <si>
    <t>Ｕ-100</t>
  </si>
  <si>
    <t>共通仮設費</t>
    <rPh sb="0" eb="2">
      <t>キョウツウ</t>
    </rPh>
    <rPh sb="2" eb="4">
      <t>カセツ</t>
    </rPh>
    <rPh sb="4" eb="5">
      <t>ヒ</t>
    </rPh>
    <phoneticPr fontId="30"/>
  </si>
  <si>
    <t>7.環境保全対策費</t>
    <rPh sb="2" eb="4">
      <t>カンキョウ</t>
    </rPh>
    <rPh sb="4" eb="6">
      <t>ホゼン</t>
    </rPh>
    <rPh sb="6" eb="8">
      <t>タイサク</t>
    </rPh>
    <rPh sb="8" eb="9">
      <t>ヒ</t>
    </rPh>
    <phoneticPr fontId="30"/>
  </si>
  <si>
    <t>A2⑧、B2②、B2⑤</t>
  </si>
  <si>
    <t>SS</t>
  </si>
  <si>
    <t>科目名称　積上げ運搬費</t>
    <rPh sb="0" eb="2">
      <t>カモク</t>
    </rPh>
    <rPh sb="2" eb="4">
      <t>メイショウ</t>
    </rPh>
    <rPh sb="5" eb="7">
      <t>ツミア</t>
    </rPh>
    <rPh sb="8" eb="10">
      <t>ウンパン</t>
    </rPh>
    <rPh sb="10" eb="11">
      <t>ヒ</t>
    </rPh>
    <phoneticPr fontId="50"/>
  </si>
  <si>
    <t>立入り防止柵</t>
    <rPh sb="0" eb="1">
      <t>タ</t>
    </rPh>
    <rPh sb="1" eb="2">
      <t>ニュウ</t>
    </rPh>
    <rPh sb="3" eb="5">
      <t>ボウシ</t>
    </rPh>
    <rPh sb="5" eb="6">
      <t>サク</t>
    </rPh>
    <phoneticPr fontId="49"/>
  </si>
  <si>
    <t>一般管理費</t>
    <rPh sb="0" eb="2">
      <t>イッパン</t>
    </rPh>
    <rPh sb="2" eb="5">
      <t>カンリヒ</t>
    </rPh>
    <phoneticPr fontId="30"/>
  </si>
  <si>
    <t>工事価格</t>
    <rPh sb="0" eb="2">
      <t>コウジ</t>
    </rPh>
    <rPh sb="2" eb="4">
      <t>カカク</t>
    </rPh>
    <phoneticPr fontId="30"/>
  </si>
  <si>
    <t>製品</t>
    <rPh sb="0" eb="2">
      <t>セイヒン</t>
    </rPh>
    <phoneticPr fontId="30"/>
  </si>
  <si>
    <t>清浄土</t>
    <rPh sb="0" eb="2">
      <t>セイジョウ</t>
    </rPh>
    <rPh sb="2" eb="3">
      <t>ド</t>
    </rPh>
    <phoneticPr fontId="30"/>
  </si>
  <si>
    <t>ｔ</t>
  </si>
  <si>
    <t>区域指定内1次掘削</t>
    <rPh sb="0" eb="2">
      <t>クイキ</t>
    </rPh>
    <rPh sb="2" eb="4">
      <t>シテイ</t>
    </rPh>
    <rPh sb="4" eb="5">
      <t>ナイ</t>
    </rPh>
    <rPh sb="6" eb="7">
      <t>ジ</t>
    </rPh>
    <rPh sb="7" eb="9">
      <t>クッサク</t>
    </rPh>
    <phoneticPr fontId="30"/>
  </si>
  <si>
    <t>コンクリート塊</t>
    <rPh sb="6" eb="7">
      <t>カイ</t>
    </rPh>
    <phoneticPr fontId="30"/>
  </si>
  <si>
    <t>無筋</t>
    <rPh sb="0" eb="1">
      <t>ム</t>
    </rPh>
    <rPh sb="1" eb="2">
      <t>キン</t>
    </rPh>
    <phoneticPr fontId="30"/>
  </si>
  <si>
    <t>φ300</t>
  </si>
  <si>
    <t>直接工事費　科目別内訳書</t>
    <rPh sb="0" eb="2">
      <t>チョクセツ</t>
    </rPh>
    <rPh sb="2" eb="5">
      <t>コウジヒ</t>
    </rPh>
    <rPh sb="6" eb="8">
      <t>カモク</t>
    </rPh>
    <rPh sb="8" eb="9">
      <t>ベツ</t>
    </rPh>
    <rPh sb="9" eb="12">
      <t>ウチワケショ</t>
    </rPh>
    <phoneticPr fontId="50"/>
  </si>
  <si>
    <t>基礎杭</t>
    <rPh sb="0" eb="2">
      <t>キソ</t>
    </rPh>
    <rPh sb="2" eb="3">
      <t>クイ</t>
    </rPh>
    <phoneticPr fontId="30"/>
  </si>
  <si>
    <t>上1.5m/下0.5m×H0.5m 勾配1割</t>
    <rPh sb="0" eb="1">
      <t>ウエ</t>
    </rPh>
    <rPh sb="6" eb="7">
      <t>シタ</t>
    </rPh>
    <rPh sb="18" eb="20">
      <t>コウバイ</t>
    </rPh>
    <rPh sb="21" eb="22">
      <t>ワリ</t>
    </rPh>
    <phoneticPr fontId="49"/>
  </si>
  <si>
    <t>荷姿フレコン</t>
    <rPh sb="0" eb="2">
      <t>ニスガタ</t>
    </rPh>
    <phoneticPr fontId="30"/>
  </si>
  <si>
    <t>設置・撤去</t>
    <rPh sb="0" eb="2">
      <t>セッチ</t>
    </rPh>
    <rPh sb="3" eb="5">
      <t>テッキョ</t>
    </rPh>
    <phoneticPr fontId="30"/>
  </si>
  <si>
    <t>コンクリート取り壊し</t>
    <rPh sb="6" eb="7">
      <t>ト</t>
    </rPh>
    <rPh sb="8" eb="9">
      <t>コワ</t>
    </rPh>
    <phoneticPr fontId="30"/>
  </si>
  <si>
    <t>1.準備工事</t>
    <rPh sb="2" eb="4">
      <t>ジュンビ</t>
    </rPh>
    <rPh sb="4" eb="6">
      <t>コウジ</t>
    </rPh>
    <phoneticPr fontId="30"/>
  </si>
  <si>
    <t>非汚染土壌</t>
    <rPh sb="0" eb="1">
      <t>ヒ</t>
    </rPh>
    <rPh sb="1" eb="3">
      <t>オセン</t>
    </rPh>
    <rPh sb="3" eb="5">
      <t>ドジョウ</t>
    </rPh>
    <phoneticPr fontId="30"/>
  </si>
  <si>
    <t>汚染区画</t>
    <rPh sb="0" eb="4">
      <t>オセンクカク</t>
    </rPh>
    <phoneticPr fontId="30"/>
  </si>
  <si>
    <t>埋設管</t>
    <rPh sb="0" eb="2">
      <t>マイセツ</t>
    </rPh>
    <rPh sb="2" eb="3">
      <t>カン</t>
    </rPh>
    <phoneticPr fontId="30"/>
  </si>
  <si>
    <t>外構解体</t>
    <rPh sb="0" eb="2">
      <t>ガイコウ</t>
    </rPh>
    <rPh sb="2" eb="4">
      <t>カイタイ</t>
    </rPh>
    <phoneticPr fontId="30"/>
  </si>
  <si>
    <t>か所</t>
    <rPh sb="1" eb="2">
      <t>ショ</t>
    </rPh>
    <phoneticPr fontId="30"/>
  </si>
  <si>
    <t>コンクリート類　</t>
    <rPh sb="6" eb="7">
      <t>ルイ</t>
    </rPh>
    <phoneticPr fontId="30"/>
  </si>
  <si>
    <t>適　　用</t>
    <rPh sb="0" eb="1">
      <t>テキ</t>
    </rPh>
    <rPh sb="3" eb="4">
      <t>ヨウ</t>
    </rPh>
    <phoneticPr fontId="50"/>
  </si>
  <si>
    <t>仮設排水処理設備</t>
    <rPh sb="0" eb="2">
      <t>カセツ</t>
    </rPh>
    <rPh sb="2" eb="4">
      <t>ハイスイ</t>
    </rPh>
    <rPh sb="4" eb="6">
      <t>ショリ</t>
    </rPh>
    <rPh sb="6" eb="8">
      <t>セツビ</t>
    </rPh>
    <phoneticPr fontId="30"/>
  </si>
  <si>
    <t>ｔ＝250</t>
  </si>
  <si>
    <t>4.仮設排水処理設備</t>
    <rPh sb="2" eb="4">
      <t>カセツ</t>
    </rPh>
    <rPh sb="4" eb="6">
      <t>ハイスイ</t>
    </rPh>
    <rPh sb="6" eb="8">
      <t>ショリ</t>
    </rPh>
    <rPh sb="8" eb="10">
      <t>セツビ</t>
    </rPh>
    <phoneticPr fontId="30"/>
  </si>
  <si>
    <t>交通整理員</t>
    <rPh sb="0" eb="2">
      <t>コウツウ</t>
    </rPh>
    <rPh sb="2" eb="4">
      <t>セイリ</t>
    </rPh>
    <rPh sb="4" eb="5">
      <t>イン</t>
    </rPh>
    <phoneticPr fontId="50"/>
  </si>
  <si>
    <t>　はない。</t>
  </si>
  <si>
    <t>廃プラ</t>
    <rPh sb="0" eb="1">
      <t>ハイ</t>
    </rPh>
    <phoneticPr fontId="30"/>
  </si>
  <si>
    <t>名 　 称</t>
    <rPh sb="0" eb="1">
      <t>ナ</t>
    </rPh>
    <rPh sb="4" eb="5">
      <t>ショウ</t>
    </rPh>
    <phoneticPr fontId="50"/>
  </si>
  <si>
    <t>工事費</t>
    <rPh sb="0" eb="3">
      <t>コウジヒ</t>
    </rPh>
    <phoneticPr fontId="30"/>
  </si>
  <si>
    <t>廃棄物処理費</t>
    <rPh sb="0" eb="3">
      <t>ハイキブツ</t>
    </rPh>
    <rPh sb="3" eb="5">
      <t>ショリ</t>
    </rPh>
    <rPh sb="5" eb="6">
      <t>ヒ</t>
    </rPh>
    <phoneticPr fontId="30"/>
  </si>
  <si>
    <t>A2⑥・A3⑨・B2⑥・B3③・B4②</t>
  </si>
  <si>
    <t>樹木撤去</t>
    <rPh sb="0" eb="2">
      <t>ジュモク</t>
    </rPh>
    <rPh sb="2" eb="4">
      <t>テッキョ</t>
    </rPh>
    <phoneticPr fontId="30"/>
  </si>
  <si>
    <t>科目名称　積上げ安全費</t>
    <rPh sb="0" eb="2">
      <t>カモク</t>
    </rPh>
    <rPh sb="2" eb="4">
      <t>メイショウ</t>
    </rPh>
    <rPh sb="5" eb="7">
      <t>ツミア</t>
    </rPh>
    <rPh sb="8" eb="10">
      <t>アンゼン</t>
    </rPh>
    <rPh sb="10" eb="11">
      <t>ヒ</t>
    </rPh>
    <phoneticPr fontId="50"/>
  </si>
  <si>
    <t>4.基礎杭撤去工事</t>
    <rPh sb="2" eb="4">
      <t>キソ</t>
    </rPh>
    <rPh sb="4" eb="5">
      <t>クイ</t>
    </rPh>
    <rPh sb="5" eb="7">
      <t>テッキョ</t>
    </rPh>
    <rPh sb="7" eb="9">
      <t>コウジ</t>
    </rPh>
    <phoneticPr fontId="30"/>
  </si>
  <si>
    <t>油圧式クローラ型</t>
    <rPh sb="0" eb="2">
      <t>ユアツ</t>
    </rPh>
    <rPh sb="2" eb="3">
      <t>シキ</t>
    </rPh>
    <rPh sb="7" eb="8">
      <t>ガタ</t>
    </rPh>
    <phoneticPr fontId="30"/>
  </si>
  <si>
    <t>ＨＰ250～100</t>
  </si>
  <si>
    <t>往復</t>
    <rPh sb="0" eb="2">
      <t>オウフク</t>
    </rPh>
    <phoneticPr fontId="30"/>
  </si>
  <si>
    <t>その他仮設材</t>
    <rPh sb="2" eb="3">
      <t>タ</t>
    </rPh>
    <rPh sb="3" eb="5">
      <t>カセツ</t>
    </rPh>
    <rPh sb="5" eb="6">
      <t>ザイ</t>
    </rPh>
    <phoneticPr fontId="30"/>
  </si>
  <si>
    <t>粉じん濃度測定</t>
    <rPh sb="0" eb="1">
      <t>フン</t>
    </rPh>
    <rPh sb="3" eb="5">
      <t>ノウド</t>
    </rPh>
    <rPh sb="5" eb="7">
      <t>ソクテイ</t>
    </rPh>
    <phoneticPr fontId="30"/>
  </si>
  <si>
    <t>建設リサイクル法</t>
    <rPh sb="0" eb="2">
      <t>ケンセツ</t>
    </rPh>
    <rPh sb="7" eb="8">
      <t>ホウ</t>
    </rPh>
    <phoneticPr fontId="30"/>
  </si>
  <si>
    <t>杭抜き機</t>
    <rPh sb="0" eb="1">
      <t>クイ</t>
    </rPh>
    <rPh sb="1" eb="2">
      <t>ヌ</t>
    </rPh>
    <rPh sb="3" eb="4">
      <t>キ</t>
    </rPh>
    <phoneticPr fontId="30"/>
  </si>
  <si>
    <t>区域指定外1次掘削</t>
    <rPh sb="0" eb="2">
      <t>クイキ</t>
    </rPh>
    <rPh sb="2" eb="4">
      <t>シテイ</t>
    </rPh>
    <rPh sb="4" eb="5">
      <t>ガイ</t>
    </rPh>
    <rPh sb="6" eb="7">
      <t>ジ</t>
    </rPh>
    <rPh sb="7" eb="9">
      <t>クッサク</t>
    </rPh>
    <phoneticPr fontId="30"/>
  </si>
  <si>
    <t>B3⑧、B4⑥、B5④</t>
  </si>
  <si>
    <t>検算者</t>
    <rPh sb="0" eb="2">
      <t>ケンザン</t>
    </rPh>
    <rPh sb="2" eb="3">
      <t>シャ</t>
    </rPh>
    <phoneticPr fontId="30"/>
  </si>
  <si>
    <t>廃棄物運搬</t>
    <rPh sb="0" eb="3">
      <t>ハイキブツ</t>
    </rPh>
    <rPh sb="3" eb="5">
      <t>ウンパン</t>
    </rPh>
    <phoneticPr fontId="30"/>
  </si>
  <si>
    <t>設計書</t>
    <rPh sb="0" eb="3">
      <t>セッケイショ</t>
    </rPh>
    <phoneticPr fontId="30"/>
  </si>
  <si>
    <t>混合廃棄物</t>
    <rPh sb="0" eb="2">
      <t>コンゴウ</t>
    </rPh>
    <rPh sb="2" eb="5">
      <t>ハイキブツ</t>
    </rPh>
    <phoneticPr fontId="30"/>
  </si>
  <si>
    <t>舗装撤去</t>
    <rPh sb="0" eb="2">
      <t>ホソウ</t>
    </rPh>
    <rPh sb="2" eb="4">
      <t>テッキョ</t>
    </rPh>
    <phoneticPr fontId="30"/>
  </si>
  <si>
    <t>5.可燃ごみ処理施設棟ピット部</t>
    <rPh sb="2" eb="4">
      <t>カネン</t>
    </rPh>
    <rPh sb="6" eb="10">
      <t>ショリシセツ</t>
    </rPh>
    <rPh sb="10" eb="11">
      <t>トウ</t>
    </rPh>
    <rPh sb="14" eb="15">
      <t>ブ</t>
    </rPh>
    <phoneticPr fontId="30"/>
  </si>
  <si>
    <t>がれき類</t>
    <rPh sb="3" eb="4">
      <t>ルイ</t>
    </rPh>
    <phoneticPr fontId="30"/>
  </si>
  <si>
    <t>コンクリート小割</t>
    <rPh sb="6" eb="8">
      <t>コワリ</t>
    </rPh>
    <phoneticPr fontId="30"/>
  </si>
  <si>
    <t>別紙のとおり</t>
    <rPh sb="0" eb="2">
      <t>ベッシ</t>
    </rPh>
    <phoneticPr fontId="30"/>
  </si>
  <si>
    <t>直接工事費</t>
    <rPh sb="0" eb="2">
      <t>チョクセツ</t>
    </rPh>
    <rPh sb="2" eb="5">
      <t>コウジヒ</t>
    </rPh>
    <phoneticPr fontId="30"/>
  </si>
  <si>
    <t>汚染土壌処理費</t>
    <rPh sb="0" eb="2">
      <t>オセン</t>
    </rPh>
    <rPh sb="2" eb="4">
      <t>ドジョウ</t>
    </rPh>
    <rPh sb="4" eb="6">
      <t>ショリ</t>
    </rPh>
    <rPh sb="6" eb="7">
      <t>ヒ</t>
    </rPh>
    <phoneticPr fontId="30"/>
  </si>
  <si>
    <t>掘削・積込</t>
    <rPh sb="0" eb="2">
      <t>クッサク</t>
    </rPh>
    <rPh sb="3" eb="5">
      <t>ツミコミ</t>
    </rPh>
    <phoneticPr fontId="30"/>
  </si>
  <si>
    <t>参　　考</t>
    <rPh sb="0" eb="1">
      <t>サン</t>
    </rPh>
    <rPh sb="3" eb="4">
      <t>コウ</t>
    </rPh>
    <phoneticPr fontId="30"/>
  </si>
  <si>
    <t>3.残置構造物解体撤去工事</t>
    <rPh sb="2" eb="4">
      <t>ザンチ</t>
    </rPh>
    <rPh sb="4" eb="7">
      <t>コウゾウブツ</t>
    </rPh>
    <rPh sb="7" eb="9">
      <t>カイタイ</t>
    </rPh>
    <rPh sb="9" eb="11">
      <t>テッキョ</t>
    </rPh>
    <rPh sb="11" eb="13">
      <t>コウジ</t>
    </rPh>
    <phoneticPr fontId="30"/>
  </si>
  <si>
    <t>6.最終整地工事</t>
    <rPh sb="2" eb="4">
      <t>サイシュウ</t>
    </rPh>
    <rPh sb="4" eb="6">
      <t>セイチ</t>
    </rPh>
    <rPh sb="6" eb="8">
      <t>コウジ</t>
    </rPh>
    <phoneticPr fontId="30"/>
  </si>
  <si>
    <t>8.有価物運搬・処分費</t>
    <rPh sb="2" eb="5">
      <t>ユウカブツ</t>
    </rPh>
    <rPh sb="5" eb="7">
      <t>ウンパン</t>
    </rPh>
    <rPh sb="8" eb="10">
      <t>ショブン</t>
    </rPh>
    <rPh sb="10" eb="11">
      <t>ヒ</t>
    </rPh>
    <phoneticPr fontId="30"/>
  </si>
  <si>
    <t>1.仮囲い</t>
    <rPh sb="2" eb="4">
      <t>カリガコ</t>
    </rPh>
    <phoneticPr fontId="30"/>
  </si>
  <si>
    <t>9.廃棄物運搬費</t>
    <rPh sb="2" eb="5">
      <t>ハイキブツ</t>
    </rPh>
    <rPh sb="5" eb="7">
      <t>ウンパン</t>
    </rPh>
    <rPh sb="7" eb="8">
      <t>ヒ</t>
    </rPh>
    <phoneticPr fontId="30"/>
  </si>
  <si>
    <t>11.汚染土壌運搬費</t>
    <rPh sb="3" eb="5">
      <t>オセン</t>
    </rPh>
    <rPh sb="5" eb="7">
      <t>ドジョウ</t>
    </rPh>
    <rPh sb="7" eb="9">
      <t>ウンパン</t>
    </rPh>
    <rPh sb="9" eb="10">
      <t>ヒ</t>
    </rPh>
    <phoneticPr fontId="30"/>
  </si>
  <si>
    <t>12.汚染土壌処理費</t>
    <rPh sb="3" eb="5">
      <t>オセン</t>
    </rPh>
    <rPh sb="5" eb="7">
      <t>ドジョウ</t>
    </rPh>
    <rPh sb="7" eb="9">
      <t>ショリ</t>
    </rPh>
    <rPh sb="9" eb="10">
      <t>ヒ</t>
    </rPh>
    <phoneticPr fontId="30"/>
  </si>
  <si>
    <t>起工・変更理由</t>
    <rPh sb="0" eb="2">
      <t>キコウ</t>
    </rPh>
    <rPh sb="3" eb="5">
      <t>ヘンコウ</t>
    </rPh>
    <rPh sb="5" eb="7">
      <t>リユウ</t>
    </rPh>
    <phoneticPr fontId="30"/>
  </si>
  <si>
    <t xml:space="preserve">B6.0m×H4.5m </t>
  </si>
  <si>
    <t>科目名称　１.準備工</t>
    <rPh sb="0" eb="2">
      <t>カモク</t>
    </rPh>
    <rPh sb="2" eb="4">
      <t>メイショウ</t>
    </rPh>
    <rPh sb="7" eb="9">
      <t>ジュンビ</t>
    </rPh>
    <rPh sb="9" eb="10">
      <t>コウ</t>
    </rPh>
    <phoneticPr fontId="50"/>
  </si>
  <si>
    <t>埋戻し土・整地</t>
    <rPh sb="0" eb="2">
      <t>ウメモドシ</t>
    </rPh>
    <rPh sb="3" eb="4">
      <t>ド</t>
    </rPh>
    <rPh sb="5" eb="7">
      <t>セイチ</t>
    </rPh>
    <phoneticPr fontId="30"/>
  </si>
  <si>
    <t>2.擁壁解体</t>
    <rPh sb="2" eb="4">
      <t>ヨウヘキ</t>
    </rPh>
    <rPh sb="4" eb="6">
      <t>カイタイ</t>
    </rPh>
    <phoneticPr fontId="30"/>
  </si>
  <si>
    <t>H=3.0ｍ</t>
  </si>
  <si>
    <t>囲障</t>
    <rPh sb="0" eb="2">
      <t>イショウ</t>
    </rPh>
    <phoneticPr fontId="30"/>
  </si>
  <si>
    <t>万能鋼板</t>
    <rPh sb="0" eb="2">
      <t>バンノウ</t>
    </rPh>
    <rPh sb="2" eb="4">
      <t>コウハン</t>
    </rPh>
    <phoneticPr fontId="30"/>
  </si>
  <si>
    <t>車両出入口</t>
    <rPh sb="0" eb="2">
      <t>シャリョウ</t>
    </rPh>
    <rPh sb="2" eb="5">
      <t>デイリグチ</t>
    </rPh>
    <phoneticPr fontId="30"/>
  </si>
  <si>
    <t>地内</t>
    <rPh sb="0" eb="1">
      <t>チ</t>
    </rPh>
    <rPh sb="1" eb="2">
      <t>ナイ</t>
    </rPh>
    <phoneticPr fontId="30"/>
  </si>
  <si>
    <t>2.洗車設備</t>
    <rPh sb="2" eb="4">
      <t>センシャ</t>
    </rPh>
    <rPh sb="4" eb="6">
      <t>セツビ</t>
    </rPh>
    <phoneticPr fontId="30"/>
  </si>
  <si>
    <t>3.工事用道路</t>
    <rPh sb="2" eb="5">
      <t>コウジヨウ</t>
    </rPh>
    <rPh sb="5" eb="7">
      <t>ドウロ</t>
    </rPh>
    <phoneticPr fontId="30"/>
  </si>
  <si>
    <t>敷き鉄板</t>
    <rPh sb="0" eb="1">
      <t>シ</t>
    </rPh>
    <rPh sb="2" eb="4">
      <t>テッパン</t>
    </rPh>
    <phoneticPr fontId="30"/>
  </si>
  <si>
    <t>タイヤ洗浄設備</t>
    <rPh sb="3" eb="5">
      <t>センジョウ</t>
    </rPh>
    <rPh sb="5" eb="7">
      <t>セツビ</t>
    </rPh>
    <phoneticPr fontId="30"/>
  </si>
  <si>
    <t>放流水</t>
    <rPh sb="0" eb="3">
      <t>ホウリュウスイ</t>
    </rPh>
    <phoneticPr fontId="30"/>
  </si>
  <si>
    <t>スパッツ</t>
  </si>
  <si>
    <t>運搬・場内一次保管</t>
    <rPh sb="0" eb="2">
      <t>ウンパン</t>
    </rPh>
    <rPh sb="3" eb="5">
      <t>ジョウナイ</t>
    </rPh>
    <rPh sb="5" eb="7">
      <t>イチジ</t>
    </rPh>
    <rPh sb="7" eb="9">
      <t>ホカン</t>
    </rPh>
    <phoneticPr fontId="30"/>
  </si>
  <si>
    <t>釜場工法</t>
    <rPh sb="0" eb="2">
      <t>カマバ</t>
    </rPh>
    <rPh sb="2" eb="4">
      <t>コウホウ</t>
    </rPh>
    <phoneticPr fontId="30"/>
  </si>
  <si>
    <t>保孔管径φ50㎜</t>
    <rPh sb="0" eb="1">
      <t>ホ</t>
    </rPh>
    <rPh sb="1" eb="2">
      <t>コウ</t>
    </rPh>
    <rPh sb="2" eb="3">
      <t>カン</t>
    </rPh>
    <rPh sb="3" eb="4">
      <t>ケイ</t>
    </rPh>
    <phoneticPr fontId="30"/>
  </si>
  <si>
    <t>科目名称　３.残置構造物解体撤去</t>
    <rPh sb="0" eb="2">
      <t>カモク</t>
    </rPh>
    <rPh sb="2" eb="4">
      <t>メイショウ</t>
    </rPh>
    <rPh sb="7" eb="9">
      <t>ザンチ</t>
    </rPh>
    <rPh sb="9" eb="12">
      <t>コウゾウブツ</t>
    </rPh>
    <rPh sb="12" eb="14">
      <t>カイタイ</t>
    </rPh>
    <rPh sb="14" eb="16">
      <t>テッキョ</t>
    </rPh>
    <phoneticPr fontId="50"/>
  </si>
  <si>
    <t>粗大ごみ処理施設棟</t>
    <rPh sb="0" eb="2">
      <t>ソダイ</t>
    </rPh>
    <rPh sb="4" eb="6">
      <t>ショリ</t>
    </rPh>
    <rPh sb="6" eb="8">
      <t>シセツ</t>
    </rPh>
    <rPh sb="8" eb="9">
      <t>トウ</t>
    </rPh>
    <phoneticPr fontId="30"/>
  </si>
  <si>
    <t>区域指定内</t>
    <rPh sb="0" eb="2">
      <t>クイキ</t>
    </rPh>
    <rPh sb="2" eb="4">
      <t>シテイ</t>
    </rPh>
    <rPh sb="4" eb="5">
      <t>ナイ</t>
    </rPh>
    <phoneticPr fontId="30"/>
  </si>
  <si>
    <t>基礎部</t>
    <rPh sb="0" eb="2">
      <t>キソ</t>
    </rPh>
    <rPh sb="2" eb="3">
      <t>ブ</t>
    </rPh>
    <phoneticPr fontId="30"/>
  </si>
  <si>
    <t>区域指定外</t>
    <rPh sb="0" eb="2">
      <t>クイキ</t>
    </rPh>
    <rPh sb="2" eb="4">
      <t>シテイ</t>
    </rPh>
    <rPh sb="4" eb="5">
      <t>ガイ</t>
    </rPh>
    <phoneticPr fontId="30"/>
  </si>
  <si>
    <t>1.粗大ごみ処理施設棟</t>
    <rPh sb="2" eb="4">
      <t>ソダイ</t>
    </rPh>
    <rPh sb="6" eb="8">
      <t>ショリ</t>
    </rPh>
    <rPh sb="8" eb="10">
      <t>シセツ</t>
    </rPh>
    <rPh sb="10" eb="11">
      <t>トウ</t>
    </rPh>
    <phoneticPr fontId="30"/>
  </si>
  <si>
    <t>旧焼却場残骸撤去</t>
    <rPh sb="0" eb="1">
      <t>キュウ</t>
    </rPh>
    <rPh sb="1" eb="4">
      <t>ショウキャクジョウ</t>
    </rPh>
    <rPh sb="4" eb="6">
      <t>ザンガイ</t>
    </rPh>
    <rPh sb="6" eb="8">
      <t>テッキョ</t>
    </rPh>
    <phoneticPr fontId="49"/>
  </si>
  <si>
    <t>3.残置構造物解体工事</t>
    <rPh sb="2" eb="4">
      <t>ザンチ</t>
    </rPh>
    <rPh sb="4" eb="7">
      <t>コウゾウブツ</t>
    </rPh>
    <rPh sb="7" eb="9">
      <t>カイタイ</t>
    </rPh>
    <rPh sb="9" eb="11">
      <t>コウジ</t>
    </rPh>
    <phoneticPr fontId="30"/>
  </si>
  <si>
    <t>処分</t>
    <rPh sb="0" eb="2">
      <t>ショブン</t>
    </rPh>
    <phoneticPr fontId="30"/>
  </si>
  <si>
    <t>3.旧焼却炉</t>
    <rPh sb="2" eb="3">
      <t>キュウ</t>
    </rPh>
    <rPh sb="3" eb="5">
      <t>ショウキャク</t>
    </rPh>
    <rPh sb="5" eb="6">
      <t>ロ</t>
    </rPh>
    <phoneticPr fontId="30"/>
  </si>
  <si>
    <t>汚染区画　先行区域</t>
    <rPh sb="0" eb="2">
      <t>オセン</t>
    </rPh>
    <rPh sb="2" eb="4">
      <t>クカク</t>
    </rPh>
    <rPh sb="5" eb="7">
      <t>センコウ</t>
    </rPh>
    <rPh sb="7" eb="9">
      <t>クイキ</t>
    </rPh>
    <phoneticPr fontId="30"/>
  </si>
  <si>
    <t>区域指定内2次掘削</t>
    <rPh sb="0" eb="2">
      <t>クイキ</t>
    </rPh>
    <rPh sb="2" eb="4">
      <t>シテイ</t>
    </rPh>
    <rPh sb="4" eb="5">
      <t>ナイ</t>
    </rPh>
    <rPh sb="6" eb="7">
      <t>ジ</t>
    </rPh>
    <rPh sb="7" eb="9">
      <t>クッサク</t>
    </rPh>
    <phoneticPr fontId="30"/>
  </si>
  <si>
    <t>煙突基礎</t>
    <rPh sb="0" eb="2">
      <t>エントツ</t>
    </rPh>
    <rPh sb="2" eb="4">
      <t>キソ</t>
    </rPh>
    <phoneticPr fontId="30"/>
  </si>
  <si>
    <t>産業廃棄物税</t>
    <rPh sb="0" eb="2">
      <t>サンギョウ</t>
    </rPh>
    <rPh sb="2" eb="5">
      <t>ハイキブツ</t>
    </rPh>
    <rPh sb="5" eb="6">
      <t>ゼイ</t>
    </rPh>
    <phoneticPr fontId="30"/>
  </si>
  <si>
    <t>区域指定外2次掘削</t>
    <rPh sb="0" eb="2">
      <t>クイキ</t>
    </rPh>
    <rPh sb="2" eb="4">
      <t>シテイ</t>
    </rPh>
    <rPh sb="4" eb="5">
      <t>ガイ</t>
    </rPh>
    <rPh sb="6" eb="7">
      <t>ジ</t>
    </rPh>
    <rPh sb="7" eb="9">
      <t>クッサク</t>
    </rPh>
    <phoneticPr fontId="30"/>
  </si>
  <si>
    <t>旧焼却炉</t>
    <rPh sb="0" eb="1">
      <t>キュウ</t>
    </rPh>
    <rPh sb="1" eb="3">
      <t>ショウキャク</t>
    </rPh>
    <rPh sb="3" eb="4">
      <t>ロ</t>
    </rPh>
    <phoneticPr fontId="30"/>
  </si>
  <si>
    <t>電光掲示板設置</t>
    <rPh sb="0" eb="2">
      <t>デンコウ</t>
    </rPh>
    <rPh sb="2" eb="5">
      <t>ケイジバン</t>
    </rPh>
    <rPh sb="5" eb="7">
      <t>セッチ</t>
    </rPh>
    <phoneticPr fontId="30"/>
  </si>
  <si>
    <t>4.可燃ごみ処理施設棟</t>
    <rPh sb="2" eb="4">
      <t>カネン</t>
    </rPh>
    <rPh sb="6" eb="8">
      <t>ショリ</t>
    </rPh>
    <rPh sb="8" eb="10">
      <t>シセツ</t>
    </rPh>
    <rPh sb="10" eb="11">
      <t>トウ</t>
    </rPh>
    <phoneticPr fontId="30"/>
  </si>
  <si>
    <t>可燃ごみ処理施設棟</t>
    <rPh sb="0" eb="2">
      <t>カネン</t>
    </rPh>
    <rPh sb="4" eb="6">
      <t>ショリ</t>
    </rPh>
    <rPh sb="6" eb="8">
      <t>シセツ</t>
    </rPh>
    <rPh sb="8" eb="9">
      <t>トウ</t>
    </rPh>
    <phoneticPr fontId="30"/>
  </si>
  <si>
    <t>土壌調整</t>
    <rPh sb="0" eb="2">
      <t>ドジョウ</t>
    </rPh>
    <rPh sb="2" eb="4">
      <t>チョウセイ</t>
    </rPh>
    <phoneticPr fontId="30"/>
  </si>
  <si>
    <t>科目名称　１２．汚染土壌処理</t>
    <rPh sb="0" eb="2">
      <t>カモク</t>
    </rPh>
    <rPh sb="2" eb="4">
      <t>メイショウ</t>
    </rPh>
    <rPh sb="8" eb="10">
      <t>オセン</t>
    </rPh>
    <rPh sb="10" eb="12">
      <t>ドジョウ</t>
    </rPh>
    <rPh sb="12" eb="14">
      <t>ショリ</t>
    </rPh>
    <phoneticPr fontId="50"/>
  </si>
  <si>
    <t>6.可燃ごみ処理設棟煙突</t>
    <rPh sb="2" eb="4">
      <t>カネン</t>
    </rPh>
    <rPh sb="6" eb="8">
      <t>ショリ</t>
    </rPh>
    <rPh sb="8" eb="9">
      <t>セツ</t>
    </rPh>
    <rPh sb="9" eb="10">
      <t>トウ</t>
    </rPh>
    <rPh sb="10" eb="12">
      <t>エントツ</t>
    </rPh>
    <phoneticPr fontId="30"/>
  </si>
  <si>
    <t>砒素</t>
    <rPh sb="0" eb="2">
      <t>ヒソ</t>
    </rPh>
    <phoneticPr fontId="30"/>
  </si>
  <si>
    <t>7.資材倉庫他</t>
    <rPh sb="2" eb="4">
      <t>シザイ</t>
    </rPh>
    <rPh sb="4" eb="6">
      <t>ソウコ</t>
    </rPh>
    <rPh sb="6" eb="7">
      <t>ホカ</t>
    </rPh>
    <phoneticPr fontId="30"/>
  </si>
  <si>
    <t xml:space="preserve">  </t>
  </si>
  <si>
    <t>科目名称　４．杭基礎撤去工事</t>
    <rPh sb="0" eb="2">
      <t>カモク</t>
    </rPh>
    <rPh sb="2" eb="4">
      <t>メイショウ</t>
    </rPh>
    <rPh sb="7" eb="8">
      <t>クイ</t>
    </rPh>
    <rPh sb="8" eb="10">
      <t>キソ</t>
    </rPh>
    <rPh sb="10" eb="12">
      <t>テッキョ</t>
    </rPh>
    <rPh sb="12" eb="14">
      <t>コウジ</t>
    </rPh>
    <phoneticPr fontId="50"/>
  </si>
  <si>
    <t>地下水測定</t>
    <rPh sb="0" eb="3">
      <t>チカスイ</t>
    </rPh>
    <rPh sb="3" eb="5">
      <t>ソクテイ</t>
    </rPh>
    <phoneticPr fontId="30"/>
  </si>
  <si>
    <t>4.杭基礎撤去工事</t>
    <rPh sb="2" eb="3">
      <t>クイ</t>
    </rPh>
    <rPh sb="3" eb="5">
      <t>キソ</t>
    </rPh>
    <rPh sb="5" eb="6">
      <t>テツ</t>
    </rPh>
    <rPh sb="6" eb="7">
      <t>キョ</t>
    </rPh>
    <rPh sb="7" eb="9">
      <t>コウジ</t>
    </rPh>
    <phoneticPr fontId="30"/>
  </si>
  <si>
    <t>車庫棟</t>
    <rPh sb="0" eb="2">
      <t>シャコ</t>
    </rPh>
    <rPh sb="2" eb="3">
      <t>トウ</t>
    </rPh>
    <phoneticPr fontId="30"/>
  </si>
  <si>
    <t>　国庫補助　　起債　　単県補助　　単市　　その他補助</t>
    <rPh sb="1" eb="3">
      <t>コッコ</t>
    </rPh>
    <rPh sb="3" eb="5">
      <t>ホジョ</t>
    </rPh>
    <rPh sb="7" eb="9">
      <t>キサイ</t>
    </rPh>
    <rPh sb="11" eb="12">
      <t>タン</t>
    </rPh>
    <rPh sb="12" eb="13">
      <t>ケン</t>
    </rPh>
    <rPh sb="13" eb="15">
      <t>ホジョ</t>
    </rPh>
    <rPh sb="17" eb="19">
      <t>タンシ</t>
    </rPh>
    <rPh sb="23" eb="24">
      <t>タ</t>
    </rPh>
    <rPh sb="24" eb="26">
      <t>ホジョ</t>
    </rPh>
    <phoneticPr fontId="30"/>
  </si>
  <si>
    <t>ＰＨＣ杭</t>
    <rPh sb="3" eb="4">
      <t>クイ</t>
    </rPh>
    <phoneticPr fontId="30"/>
  </si>
  <si>
    <t>φ350</t>
  </si>
  <si>
    <t>Ｌ＝6</t>
  </si>
  <si>
    <t>7.土壌調整工事</t>
    <rPh sb="2" eb="4">
      <t>ドジョウ</t>
    </rPh>
    <rPh sb="4" eb="6">
      <t>チョウセイ</t>
    </rPh>
    <rPh sb="6" eb="8">
      <t>コウジ</t>
    </rPh>
    <phoneticPr fontId="30"/>
  </si>
  <si>
    <t>Ｌ＝5</t>
  </si>
  <si>
    <t>年度</t>
    <rPh sb="0" eb="2">
      <t>ネンド</t>
    </rPh>
    <phoneticPr fontId="30"/>
  </si>
  <si>
    <t>φ60cm×ｈ50cm</t>
  </si>
  <si>
    <t>本</t>
    <rPh sb="0" eb="1">
      <t>ホン</t>
    </rPh>
    <phoneticPr fontId="30"/>
  </si>
  <si>
    <t>ダイオキシン類</t>
    <rPh sb="6" eb="7">
      <t>ルイ</t>
    </rPh>
    <phoneticPr fontId="30"/>
  </si>
  <si>
    <t>ソイルコラム</t>
  </si>
  <si>
    <t>φ500</t>
  </si>
  <si>
    <t>素掘り側溝</t>
    <rPh sb="0" eb="1">
      <t>ス</t>
    </rPh>
    <rPh sb="1" eb="2">
      <t>ボ</t>
    </rPh>
    <rPh sb="3" eb="5">
      <t>ソッコウ</t>
    </rPh>
    <phoneticPr fontId="49"/>
  </si>
  <si>
    <t>φ1000</t>
  </si>
  <si>
    <t>2.排ガス及びダスト処理棟</t>
    <rPh sb="2" eb="3">
      <t>ハイ</t>
    </rPh>
    <rPh sb="5" eb="6">
      <t>オヨ</t>
    </rPh>
    <rPh sb="10" eb="12">
      <t>ショリ</t>
    </rPh>
    <rPh sb="12" eb="13">
      <t>トウ</t>
    </rPh>
    <phoneticPr fontId="30"/>
  </si>
  <si>
    <t>元</t>
    <rPh sb="0" eb="1">
      <t>ゲン</t>
    </rPh>
    <phoneticPr fontId="30"/>
  </si>
  <si>
    <t>4.可燃ごみ処理施設棟</t>
    <rPh sb="2" eb="4">
      <t>カネン</t>
    </rPh>
    <rPh sb="6" eb="11">
      <t>ショリシセツトウ</t>
    </rPh>
    <phoneticPr fontId="30"/>
  </si>
  <si>
    <t>5.車庫棟</t>
    <rPh sb="2" eb="4">
      <t>シャコ</t>
    </rPh>
    <rPh sb="4" eb="5">
      <t>トウ</t>
    </rPh>
    <phoneticPr fontId="30"/>
  </si>
  <si>
    <t>小割</t>
    <rPh sb="0" eb="2">
      <t>コワリ</t>
    </rPh>
    <phoneticPr fontId="30"/>
  </si>
  <si>
    <t>施工前・施工中</t>
    <rPh sb="0" eb="2">
      <t>セコウ</t>
    </rPh>
    <rPh sb="2" eb="3">
      <t>マエ</t>
    </rPh>
    <rPh sb="4" eb="6">
      <t>セコウ</t>
    </rPh>
    <rPh sb="6" eb="7">
      <t>チュウ</t>
    </rPh>
    <phoneticPr fontId="30"/>
  </si>
  <si>
    <t>科目名称　１１．汚染土壌運搬</t>
    <rPh sb="0" eb="2">
      <t>カモク</t>
    </rPh>
    <rPh sb="2" eb="4">
      <t>メイショウ</t>
    </rPh>
    <rPh sb="8" eb="10">
      <t>オセン</t>
    </rPh>
    <rPh sb="10" eb="12">
      <t>ドジョウ</t>
    </rPh>
    <rPh sb="12" eb="14">
      <t>ウンパン</t>
    </rPh>
    <phoneticPr fontId="50"/>
  </si>
  <si>
    <t>一時保管場所</t>
    <rPh sb="0" eb="2">
      <t>イチジ</t>
    </rPh>
    <rPh sb="2" eb="4">
      <t>ホカン</t>
    </rPh>
    <rPh sb="4" eb="6">
      <t>バショ</t>
    </rPh>
    <phoneticPr fontId="30"/>
  </si>
  <si>
    <t>集積・積込</t>
    <rPh sb="0" eb="2">
      <t>シュウセキ</t>
    </rPh>
    <rPh sb="3" eb="5">
      <t>ツミコミ</t>
    </rPh>
    <phoneticPr fontId="30"/>
  </si>
  <si>
    <t>5.外構他撤去</t>
    <rPh sb="2" eb="4">
      <t>ガイコウ</t>
    </rPh>
    <rPh sb="4" eb="5">
      <t>ホカ</t>
    </rPh>
    <rPh sb="5" eb="7">
      <t>テッキョ</t>
    </rPh>
    <phoneticPr fontId="30"/>
  </si>
  <si>
    <t>コンクリート</t>
  </si>
  <si>
    <t>埋戻し</t>
    <rPh sb="0" eb="2">
      <t>ウメモドシ</t>
    </rPh>
    <phoneticPr fontId="30"/>
  </si>
  <si>
    <t>土壌含有量分析</t>
  </si>
  <si>
    <t>山砂</t>
    <rPh sb="0" eb="2">
      <t>ヤマズナ</t>
    </rPh>
    <phoneticPr fontId="30"/>
  </si>
  <si>
    <t>排ガス及びダスト処理棟</t>
    <rPh sb="0" eb="1">
      <t>ハイ</t>
    </rPh>
    <rPh sb="3" eb="4">
      <t>オヨ</t>
    </rPh>
    <rPh sb="8" eb="10">
      <t>ショリ</t>
    </rPh>
    <rPh sb="10" eb="11">
      <t>トウ</t>
    </rPh>
    <phoneticPr fontId="30"/>
  </si>
  <si>
    <t>科目名称　５．外構他撤去</t>
    <rPh sb="0" eb="2">
      <t>カモク</t>
    </rPh>
    <rPh sb="2" eb="4">
      <t>メイショウ</t>
    </rPh>
    <rPh sb="7" eb="9">
      <t>ガイコウ</t>
    </rPh>
    <rPh sb="9" eb="10">
      <t>ホカ</t>
    </rPh>
    <rPh sb="10" eb="12">
      <t>テッキョ</t>
    </rPh>
    <phoneticPr fontId="50"/>
  </si>
  <si>
    <t>バックテスト</t>
  </si>
  <si>
    <t>5.外構他撤去工事</t>
    <rPh sb="2" eb="4">
      <t>ガイコウ</t>
    </rPh>
    <rPh sb="4" eb="5">
      <t>ホカ</t>
    </rPh>
    <rPh sb="5" eb="7">
      <t>テッキョ</t>
    </rPh>
    <rPh sb="7" eb="9">
      <t>コウジ</t>
    </rPh>
    <phoneticPr fontId="30"/>
  </si>
  <si>
    <t>東側水路復旧</t>
    <rPh sb="0" eb="2">
      <t>ヒガシガワ</t>
    </rPh>
    <rPh sb="2" eb="4">
      <t>スイロ</t>
    </rPh>
    <rPh sb="4" eb="6">
      <t>フッキュウ</t>
    </rPh>
    <phoneticPr fontId="30"/>
  </si>
  <si>
    <t>1.樹木撤去</t>
    <rPh sb="2" eb="4">
      <t>ジュモク</t>
    </rPh>
    <rPh sb="4" eb="6">
      <t>テッキョ</t>
    </rPh>
    <phoneticPr fontId="30"/>
  </si>
  <si>
    <t>4.一次掘削</t>
    <rPh sb="2" eb="4">
      <t>イチジ</t>
    </rPh>
    <rPh sb="4" eb="6">
      <t>クッサク</t>
    </rPh>
    <phoneticPr fontId="30"/>
  </si>
  <si>
    <t>重力式擁壁撤去</t>
    <rPh sb="0" eb="2">
      <t>ジュウリョク</t>
    </rPh>
    <rPh sb="2" eb="3">
      <t>シキ</t>
    </rPh>
    <rPh sb="3" eb="4">
      <t>ヨウ</t>
    </rPh>
    <rPh sb="4" eb="5">
      <t>ヘキ</t>
    </rPh>
    <rPh sb="5" eb="7">
      <t>テッキョ</t>
    </rPh>
    <phoneticPr fontId="49"/>
  </si>
  <si>
    <t>不明</t>
    <rPh sb="0" eb="2">
      <t>フメイ</t>
    </rPh>
    <phoneticPr fontId="49"/>
  </si>
  <si>
    <t>ヒマラヤスギ</t>
  </si>
  <si>
    <t>連続測定</t>
    <rPh sb="0" eb="2">
      <t>レンゾク</t>
    </rPh>
    <rPh sb="2" eb="4">
      <t>ソクテイ</t>
    </rPh>
    <phoneticPr fontId="30"/>
  </si>
  <si>
    <t>300×400</t>
  </si>
  <si>
    <t>ネズミモチ</t>
  </si>
  <si>
    <t>サザンカ</t>
  </si>
  <si>
    <t>カイヅカイブキ</t>
  </si>
  <si>
    <t>φ25cm×ｈ50cm</t>
  </si>
  <si>
    <t>φ82cm×ｈ50cm</t>
  </si>
  <si>
    <t>φ55cm×ｈ50cm</t>
  </si>
  <si>
    <t>ｈ50cm</t>
  </si>
  <si>
    <t>φ70cm×ｈ50cm</t>
  </si>
  <si>
    <t>ﾌﾞﾛｯｸ積擁壁撤去</t>
    <rPh sb="5" eb="6">
      <t>ツミ</t>
    </rPh>
    <rPh sb="6" eb="7">
      <t>ヨウ</t>
    </rPh>
    <rPh sb="7" eb="8">
      <t>ヘキ</t>
    </rPh>
    <rPh sb="8" eb="10">
      <t>テッキョ</t>
    </rPh>
    <phoneticPr fontId="49"/>
  </si>
  <si>
    <t>北面、東面</t>
    <rPh sb="0" eb="1">
      <t>キタ</t>
    </rPh>
    <rPh sb="1" eb="2">
      <t>メン</t>
    </rPh>
    <rPh sb="3" eb="4">
      <t>ヒガシ</t>
    </rPh>
    <rPh sb="4" eb="5">
      <t>メン</t>
    </rPh>
    <phoneticPr fontId="49"/>
  </si>
  <si>
    <t>解体・集積・積込・掘削含む</t>
    <rPh sb="0" eb="2">
      <t>カイタイ</t>
    </rPh>
    <rPh sb="3" eb="5">
      <t>シュウセキ</t>
    </rPh>
    <rPh sb="6" eb="8">
      <t>ツミコミ</t>
    </rPh>
    <rPh sb="9" eb="11">
      <t>クッサク</t>
    </rPh>
    <rPh sb="11" eb="12">
      <t>フク</t>
    </rPh>
    <phoneticPr fontId="30"/>
  </si>
  <si>
    <t>3.外構解体</t>
    <rPh sb="2" eb="4">
      <t>ガイコウ</t>
    </rPh>
    <rPh sb="4" eb="6">
      <t>カイタイ</t>
    </rPh>
    <phoneticPr fontId="30"/>
  </si>
  <si>
    <t>擁壁解体</t>
    <rPh sb="0" eb="2">
      <t>ヨウヘキ</t>
    </rPh>
    <rPh sb="2" eb="4">
      <t>カイタイ</t>
    </rPh>
    <phoneticPr fontId="30"/>
  </si>
  <si>
    <t>ｽｸｲｻﾞｰ基礎、旧仕込台壁ほか</t>
    <rPh sb="6" eb="8">
      <t>キソ</t>
    </rPh>
    <rPh sb="9" eb="10">
      <t>キュウ</t>
    </rPh>
    <rPh sb="10" eb="12">
      <t>シコ</t>
    </rPh>
    <rPh sb="12" eb="13">
      <t>ダイ</t>
    </rPh>
    <rPh sb="13" eb="14">
      <t>ヘキ</t>
    </rPh>
    <phoneticPr fontId="49"/>
  </si>
  <si>
    <t>アスファルト舗装</t>
    <rPh sb="6" eb="8">
      <t>ホソウ</t>
    </rPh>
    <phoneticPr fontId="49"/>
  </si>
  <si>
    <t>課長</t>
    <rPh sb="0" eb="2">
      <t>カチョウ</t>
    </rPh>
    <phoneticPr fontId="30"/>
  </si>
  <si>
    <t>A3⑦・B3①・B3②・B3③・B3④・B3⑤</t>
  </si>
  <si>
    <t>ブロック類他</t>
    <rPh sb="4" eb="5">
      <t>ルイ</t>
    </rPh>
    <rPh sb="5" eb="6">
      <t>ホカ</t>
    </rPh>
    <phoneticPr fontId="30"/>
  </si>
  <si>
    <t>コンクリート舗装</t>
    <rPh sb="6" eb="8">
      <t>ホソウ</t>
    </rPh>
    <phoneticPr fontId="30"/>
  </si>
  <si>
    <t>ｔ＝50</t>
  </si>
  <si>
    <t>ｔ＝100</t>
  </si>
  <si>
    <t>㎡</t>
  </si>
  <si>
    <t>側溝撤去</t>
    <rPh sb="0" eb="2">
      <t>ソッコウ</t>
    </rPh>
    <rPh sb="2" eb="4">
      <t>テッキョ</t>
    </rPh>
    <phoneticPr fontId="30"/>
  </si>
  <si>
    <t>Ｕ-180</t>
  </si>
  <si>
    <t>Ｕ150</t>
  </si>
  <si>
    <t>250Ｂ</t>
  </si>
  <si>
    <t>Ｕ-240</t>
  </si>
  <si>
    <t>コンクリート蓋</t>
    <rPh sb="6" eb="7">
      <t>フタ</t>
    </rPh>
    <phoneticPr fontId="30"/>
  </si>
  <si>
    <t>縁石</t>
    <rPh sb="0" eb="2">
      <t>フチイシ</t>
    </rPh>
    <phoneticPr fontId="30"/>
  </si>
  <si>
    <t>地先境界ブロック</t>
    <rPh sb="0" eb="2">
      <t>チサキ</t>
    </rPh>
    <rPh sb="2" eb="4">
      <t>キョウカイ</t>
    </rPh>
    <phoneticPr fontId="30"/>
  </si>
  <si>
    <t>150×150</t>
  </si>
  <si>
    <t>Ｌ＝7.0ｍ</t>
  </si>
  <si>
    <t>ＨＰ300</t>
  </si>
  <si>
    <t>その他</t>
    <rPh sb="2" eb="3">
      <t>タ</t>
    </rPh>
    <phoneticPr fontId="30"/>
  </si>
  <si>
    <t>ＶＰ管　φ50</t>
    <rPh sb="2" eb="3">
      <t>カン</t>
    </rPh>
    <phoneticPr fontId="30"/>
  </si>
  <si>
    <t>くい丸太（松1.8m）@2m＋ﾄﾗﾛｰﾌﾟ12mm×3段</t>
    <rPh sb="2" eb="4">
      <t>マルタ</t>
    </rPh>
    <rPh sb="5" eb="6">
      <t>マツ</t>
    </rPh>
    <rPh sb="27" eb="28">
      <t>ダン</t>
    </rPh>
    <phoneticPr fontId="49"/>
  </si>
  <si>
    <t>排水管</t>
    <rPh sb="0" eb="2">
      <t>ハイスイ</t>
    </rPh>
    <rPh sb="2" eb="3">
      <t>カン</t>
    </rPh>
    <phoneticPr fontId="30"/>
  </si>
  <si>
    <t>フェンス</t>
  </si>
  <si>
    <t>Ｈ＝1.1</t>
  </si>
  <si>
    <t>カーブミラー</t>
  </si>
  <si>
    <t>伐根・集積・積込含む</t>
    <rPh sb="3" eb="5">
      <t>シュウセキ</t>
    </rPh>
    <rPh sb="6" eb="8">
      <t>ツミコミ</t>
    </rPh>
    <rPh sb="8" eb="9">
      <t>フク</t>
    </rPh>
    <phoneticPr fontId="30"/>
  </si>
  <si>
    <t>科目名称　役務費</t>
    <rPh sb="0" eb="2">
      <t>カモク</t>
    </rPh>
    <rPh sb="2" eb="4">
      <t>メイショウ</t>
    </rPh>
    <rPh sb="5" eb="8">
      <t>エキムヒ</t>
    </rPh>
    <phoneticPr fontId="50"/>
  </si>
  <si>
    <t>科目名称　６.最終整地工事</t>
    <rPh sb="0" eb="2">
      <t>カモク</t>
    </rPh>
    <rPh sb="2" eb="4">
      <t>メイショウ</t>
    </rPh>
    <rPh sb="7" eb="9">
      <t>サイシュウ</t>
    </rPh>
    <rPh sb="9" eb="11">
      <t>セイチ</t>
    </rPh>
    <rPh sb="11" eb="13">
      <t>コウジ</t>
    </rPh>
    <phoneticPr fontId="50"/>
  </si>
  <si>
    <t>一時保管場所土壌調査</t>
    <rPh sb="0" eb="2">
      <t>イチジ</t>
    </rPh>
    <rPh sb="2" eb="4">
      <t>ホカン</t>
    </rPh>
    <rPh sb="4" eb="6">
      <t>バショ</t>
    </rPh>
    <rPh sb="6" eb="8">
      <t>ドジョウ</t>
    </rPh>
    <rPh sb="8" eb="10">
      <t>チョウサ</t>
    </rPh>
    <phoneticPr fontId="30"/>
  </si>
  <si>
    <t>非汚染土(場内）流用</t>
    <rPh sb="0" eb="1">
      <t>ヒ</t>
    </rPh>
    <rPh sb="1" eb="3">
      <t>オセン</t>
    </rPh>
    <rPh sb="3" eb="4">
      <t>ド</t>
    </rPh>
    <rPh sb="5" eb="7">
      <t>ジョウナイ</t>
    </rPh>
    <rPh sb="8" eb="10">
      <t>リュウヨウ</t>
    </rPh>
    <phoneticPr fontId="30"/>
  </si>
  <si>
    <t>鋼管</t>
    <rPh sb="0" eb="2">
      <t>コウカン</t>
    </rPh>
    <phoneticPr fontId="30"/>
  </si>
  <si>
    <t>清浄土(場内）流用</t>
    <rPh sb="0" eb="2">
      <t>セイジョウ</t>
    </rPh>
    <rPh sb="2" eb="3">
      <t>ド</t>
    </rPh>
    <rPh sb="4" eb="6">
      <t>ジョウナイ</t>
    </rPh>
    <rPh sb="7" eb="9">
      <t>リュウヨウ</t>
    </rPh>
    <phoneticPr fontId="30"/>
  </si>
  <si>
    <t>のり面整形</t>
    <rPh sb="2" eb="3">
      <t>メン</t>
    </rPh>
    <rPh sb="3" eb="5">
      <t>セイケイ</t>
    </rPh>
    <phoneticPr fontId="30"/>
  </si>
  <si>
    <t>鋼材</t>
    <rPh sb="0" eb="2">
      <t>コウザイ</t>
    </rPh>
    <phoneticPr fontId="30"/>
  </si>
  <si>
    <t>ﾊﾞｯｸﾎｳ0.8㎥</t>
  </si>
  <si>
    <t>津山市ごみ焼却場等撤去工事</t>
    <rPh sb="0" eb="3">
      <t>ツヤマシ</t>
    </rPh>
    <rPh sb="5" eb="8">
      <t>ショウキャクジョウ</t>
    </rPh>
    <rPh sb="8" eb="9">
      <t>ナド</t>
    </rPh>
    <rPh sb="9" eb="11">
      <t>テッキョ</t>
    </rPh>
    <rPh sb="11" eb="13">
      <t>コウジ</t>
    </rPh>
    <phoneticPr fontId="30"/>
  </si>
  <si>
    <t>先行区域外</t>
    <rPh sb="0" eb="2">
      <t>センコウ</t>
    </rPh>
    <rPh sb="2" eb="4">
      <t>クイキ</t>
    </rPh>
    <rPh sb="4" eb="5">
      <t>ガイ</t>
    </rPh>
    <phoneticPr fontId="30"/>
  </si>
  <si>
    <t>廃棄物処理</t>
    <rPh sb="0" eb="3">
      <t>ハイキブツ</t>
    </rPh>
    <rPh sb="3" eb="5">
      <t>ショリ</t>
    </rPh>
    <phoneticPr fontId="30"/>
  </si>
  <si>
    <t>水返し</t>
    <rPh sb="0" eb="1">
      <t>ミズ</t>
    </rPh>
    <rPh sb="1" eb="2">
      <t>カエ</t>
    </rPh>
    <phoneticPr fontId="49"/>
  </si>
  <si>
    <t>天幅0.5m×H0.5m 勾配1割 法肩</t>
    <rPh sb="0" eb="1">
      <t>テン</t>
    </rPh>
    <rPh sb="1" eb="2">
      <t>ハバ</t>
    </rPh>
    <rPh sb="13" eb="15">
      <t>コウバイ</t>
    </rPh>
    <rPh sb="16" eb="17">
      <t>ワリ</t>
    </rPh>
    <rPh sb="18" eb="19">
      <t>ノリ</t>
    </rPh>
    <rPh sb="19" eb="20">
      <t>カタ</t>
    </rPh>
    <phoneticPr fontId="49"/>
  </si>
  <si>
    <t>場外仮置き場</t>
    <rPh sb="0" eb="2">
      <t>ジョウガイ</t>
    </rPh>
    <rPh sb="2" eb="3">
      <t>カリ</t>
    </rPh>
    <rPh sb="3" eb="4">
      <t>オ</t>
    </rPh>
    <rPh sb="5" eb="6">
      <t>バ</t>
    </rPh>
    <phoneticPr fontId="30"/>
  </si>
  <si>
    <t>沈砂池</t>
    <rPh sb="0" eb="1">
      <t>チン</t>
    </rPh>
    <rPh sb="1" eb="2">
      <t>スナ</t>
    </rPh>
    <rPh sb="2" eb="3">
      <t>チ</t>
    </rPh>
    <phoneticPr fontId="49"/>
  </si>
  <si>
    <t>区　　分</t>
    <rPh sb="0" eb="1">
      <t>ク</t>
    </rPh>
    <rPh sb="3" eb="4">
      <t>ブン</t>
    </rPh>
    <phoneticPr fontId="30"/>
  </si>
  <si>
    <t>埋立分</t>
    <rPh sb="0" eb="2">
      <t>ウメタテ</t>
    </rPh>
    <rPh sb="2" eb="3">
      <t>ブン</t>
    </rPh>
    <phoneticPr fontId="30"/>
  </si>
  <si>
    <t>3.0m角/2.0m角×H0.5m 法肩</t>
    <rPh sb="4" eb="5">
      <t>カク</t>
    </rPh>
    <rPh sb="10" eb="11">
      <t>カク</t>
    </rPh>
    <rPh sb="18" eb="19">
      <t>ノリ</t>
    </rPh>
    <rPh sb="19" eb="20">
      <t>カタ</t>
    </rPh>
    <phoneticPr fontId="49"/>
  </si>
  <si>
    <t>科目名称　7．環境保全対策工事</t>
    <rPh sb="0" eb="2">
      <t>カモク</t>
    </rPh>
    <rPh sb="2" eb="4">
      <t>メイショウ</t>
    </rPh>
    <rPh sb="7" eb="9">
      <t>カンキョウ</t>
    </rPh>
    <rPh sb="9" eb="11">
      <t>ホゼン</t>
    </rPh>
    <rPh sb="11" eb="13">
      <t>タイサク</t>
    </rPh>
    <rPh sb="13" eb="15">
      <t>コウジ</t>
    </rPh>
    <phoneticPr fontId="50"/>
  </si>
  <si>
    <t>7.環境保全対策工事</t>
    <rPh sb="2" eb="4">
      <t>カンキョウ</t>
    </rPh>
    <rPh sb="4" eb="6">
      <t>ホゼン</t>
    </rPh>
    <rPh sb="6" eb="8">
      <t>タイサク</t>
    </rPh>
    <rPh sb="8" eb="10">
      <t>コウジ</t>
    </rPh>
    <phoneticPr fontId="30"/>
  </si>
  <si>
    <t>防じんフェンス</t>
    <rPh sb="0" eb="1">
      <t>ボウ</t>
    </rPh>
    <phoneticPr fontId="30"/>
  </si>
  <si>
    <t>8.仮置き場借地費用</t>
    <rPh sb="2" eb="3">
      <t>カリ</t>
    </rPh>
    <rPh sb="3" eb="4">
      <t>オ</t>
    </rPh>
    <rPh sb="5" eb="6">
      <t>バ</t>
    </rPh>
    <rPh sb="6" eb="8">
      <t>シャクチ</t>
    </rPh>
    <rPh sb="8" eb="10">
      <t>ヒヨウ</t>
    </rPh>
    <phoneticPr fontId="30"/>
  </si>
  <si>
    <t>特定有害物、ノルマルヘキサン抽出物　施工中</t>
    <rPh sb="0" eb="2">
      <t>トクテイ</t>
    </rPh>
    <rPh sb="2" eb="5">
      <t>ユウガイブツ</t>
    </rPh>
    <rPh sb="14" eb="16">
      <t>チュウシュツ</t>
    </rPh>
    <rPh sb="16" eb="17">
      <t>ブツ</t>
    </rPh>
    <rPh sb="18" eb="21">
      <t>セコウチュウ</t>
    </rPh>
    <phoneticPr fontId="30"/>
  </si>
  <si>
    <t>観測井設置</t>
    <rPh sb="0" eb="2">
      <t>カンソク</t>
    </rPh>
    <rPh sb="2" eb="3">
      <t>イ</t>
    </rPh>
    <rPh sb="3" eb="5">
      <t>セッチ</t>
    </rPh>
    <phoneticPr fontId="30"/>
  </si>
  <si>
    <t>1.防じんフェンス</t>
    <rPh sb="2" eb="3">
      <t>ボウ</t>
    </rPh>
    <phoneticPr fontId="30"/>
  </si>
  <si>
    <t>地盤改良工</t>
    <rPh sb="0" eb="2">
      <t>ジバン</t>
    </rPh>
    <rPh sb="2" eb="4">
      <t>カイリョウ</t>
    </rPh>
    <rPh sb="4" eb="5">
      <t>コウ</t>
    </rPh>
    <phoneticPr fontId="30"/>
  </si>
  <si>
    <t>一時仮置き場</t>
    <rPh sb="0" eb="2">
      <t>イチジ</t>
    </rPh>
    <rPh sb="2" eb="3">
      <t>カリ</t>
    </rPh>
    <rPh sb="3" eb="4">
      <t>オ</t>
    </rPh>
    <rPh sb="5" eb="6">
      <t>バ</t>
    </rPh>
    <phoneticPr fontId="30"/>
  </si>
  <si>
    <t>スクリーン長さ</t>
    <rPh sb="5" eb="6">
      <t>ナガ</t>
    </rPh>
    <phoneticPr fontId="30"/>
  </si>
  <si>
    <t>5.5ｍ</t>
  </si>
  <si>
    <t>場内仮置き場より</t>
    <rPh sb="0" eb="2">
      <t>ジョウナイ</t>
    </rPh>
    <rPh sb="2" eb="3">
      <t>カリ</t>
    </rPh>
    <rPh sb="3" eb="4">
      <t>オ</t>
    </rPh>
    <rPh sb="5" eb="6">
      <t>バ</t>
    </rPh>
    <phoneticPr fontId="30"/>
  </si>
  <si>
    <t>風向・風速計設置</t>
    <rPh sb="0" eb="2">
      <t>フウコウ</t>
    </rPh>
    <rPh sb="3" eb="5">
      <t>フウソク</t>
    </rPh>
    <rPh sb="5" eb="6">
      <t>ケイ</t>
    </rPh>
    <rPh sb="6" eb="8">
      <t>セッチ</t>
    </rPh>
    <phoneticPr fontId="30"/>
  </si>
  <si>
    <t>施工前</t>
    <rPh sb="0" eb="2">
      <t>セコウ</t>
    </rPh>
    <rPh sb="2" eb="3">
      <t>マエ</t>
    </rPh>
    <phoneticPr fontId="30"/>
  </si>
  <si>
    <t>施工中</t>
    <rPh sb="0" eb="3">
      <t>セコウチュウ</t>
    </rPh>
    <phoneticPr fontId="30"/>
  </si>
  <si>
    <t>撤去含む</t>
    <rPh sb="0" eb="2">
      <t>テッキョ</t>
    </rPh>
    <rPh sb="2" eb="3">
      <t>フク</t>
    </rPh>
    <phoneticPr fontId="30"/>
  </si>
  <si>
    <t>騒音・振動</t>
    <rPh sb="0" eb="2">
      <t>ソウオン</t>
    </rPh>
    <rPh sb="3" eb="5">
      <t>シンドウ</t>
    </rPh>
    <phoneticPr fontId="30"/>
  </si>
  <si>
    <t>近隣住宅敷地内測定</t>
    <rPh sb="0" eb="2">
      <t>キンリン</t>
    </rPh>
    <rPh sb="2" eb="4">
      <t>ジュウタク</t>
    </rPh>
    <rPh sb="4" eb="6">
      <t>シキチ</t>
    </rPh>
    <rPh sb="6" eb="7">
      <t>ナイ</t>
    </rPh>
    <rPh sb="7" eb="9">
      <t>ソクテイ</t>
    </rPh>
    <phoneticPr fontId="30"/>
  </si>
  <si>
    <t>回</t>
    <rPh sb="0" eb="1">
      <t>カイ</t>
    </rPh>
    <phoneticPr fontId="30"/>
  </si>
  <si>
    <t>放流処理水</t>
    <rPh sb="0" eb="2">
      <t>ホウリュウ</t>
    </rPh>
    <rPh sb="2" eb="4">
      <t>ショリ</t>
    </rPh>
    <rPh sb="4" eb="5">
      <t>スイ</t>
    </rPh>
    <phoneticPr fontId="30"/>
  </si>
  <si>
    <t>施工完了後</t>
    <rPh sb="0" eb="2">
      <t>セコウ</t>
    </rPh>
    <rPh sb="2" eb="4">
      <t>カンリョウ</t>
    </rPh>
    <rPh sb="4" eb="5">
      <t>ゴ</t>
    </rPh>
    <phoneticPr fontId="30"/>
  </si>
  <si>
    <t>最終残水・汚泥</t>
    <rPh sb="0" eb="2">
      <t>サイシュウ</t>
    </rPh>
    <rPh sb="2" eb="3">
      <t>ザン</t>
    </rPh>
    <rPh sb="3" eb="4">
      <t>スイ</t>
    </rPh>
    <rPh sb="5" eb="7">
      <t>オデイ</t>
    </rPh>
    <phoneticPr fontId="30"/>
  </si>
  <si>
    <t>検体</t>
    <rPh sb="0" eb="2">
      <t>ケンタイ</t>
    </rPh>
    <phoneticPr fontId="30"/>
  </si>
  <si>
    <t>鉛</t>
    <rPh sb="0" eb="1">
      <t>ナマリ</t>
    </rPh>
    <phoneticPr fontId="30"/>
  </si>
  <si>
    <t>科目名称　９．廃棄物運搬</t>
    <rPh sb="0" eb="2">
      <t>カモク</t>
    </rPh>
    <rPh sb="2" eb="4">
      <t>メイショウ</t>
    </rPh>
    <rPh sb="7" eb="10">
      <t>ハイキブツ</t>
    </rPh>
    <rPh sb="10" eb="12">
      <t>ウンパン</t>
    </rPh>
    <phoneticPr fontId="50"/>
  </si>
  <si>
    <t>14条申請区域</t>
    <rPh sb="2" eb="3">
      <t>ジョウ</t>
    </rPh>
    <rPh sb="3" eb="5">
      <t>シンセイ</t>
    </rPh>
    <rPh sb="5" eb="7">
      <t>クイキ</t>
    </rPh>
    <phoneticPr fontId="30"/>
  </si>
  <si>
    <t>施工前・施工中</t>
    <rPh sb="0" eb="2">
      <t>セコウ</t>
    </rPh>
    <rPh sb="2" eb="3">
      <t>マエ</t>
    </rPh>
    <rPh sb="4" eb="7">
      <t>セコウチュウ</t>
    </rPh>
    <phoneticPr fontId="30"/>
  </si>
  <si>
    <t>科目名称　８．有価物運搬・売却</t>
    <rPh sb="0" eb="2">
      <t>カモク</t>
    </rPh>
    <rPh sb="2" eb="4">
      <t>メイショウ</t>
    </rPh>
    <rPh sb="7" eb="10">
      <t>ユウカブツ</t>
    </rPh>
    <rPh sb="10" eb="12">
      <t>ウンパン</t>
    </rPh>
    <rPh sb="13" eb="15">
      <t>バイキャク</t>
    </rPh>
    <phoneticPr fontId="50"/>
  </si>
  <si>
    <t>鉄筋</t>
    <rPh sb="0" eb="2">
      <t>テッキン</t>
    </rPh>
    <phoneticPr fontId="30"/>
  </si>
  <si>
    <t>屑鉄</t>
    <rPh sb="0" eb="2">
      <t>クズテツ</t>
    </rPh>
    <phoneticPr fontId="30"/>
  </si>
  <si>
    <t>入札設計書（見積参考資料）</t>
    <rPh sb="0" eb="2">
      <t>ニュウサツ</t>
    </rPh>
    <rPh sb="2" eb="5">
      <t>セッケイショ</t>
    </rPh>
    <rPh sb="6" eb="8">
      <t>ミツモ</t>
    </rPh>
    <rPh sb="8" eb="10">
      <t>サンコウ</t>
    </rPh>
    <rPh sb="10" eb="12">
      <t>シリョウ</t>
    </rPh>
    <phoneticPr fontId="30"/>
  </si>
  <si>
    <t>運搬</t>
    <rPh sb="0" eb="2">
      <t>ウンパン</t>
    </rPh>
    <phoneticPr fontId="30"/>
  </si>
  <si>
    <t>個</t>
    <rPh sb="0" eb="1">
      <t>コ</t>
    </rPh>
    <phoneticPr fontId="30"/>
  </si>
  <si>
    <t>売却</t>
    <rPh sb="0" eb="2">
      <t>バイキャク</t>
    </rPh>
    <phoneticPr fontId="30"/>
  </si>
  <si>
    <t>　直通　0868-22-8255 ( 内線 2652 ）　</t>
    <rPh sb="19" eb="21">
      <t>ナイセン</t>
    </rPh>
    <phoneticPr fontId="30"/>
  </si>
  <si>
    <t>ＳＧＰ管75～20A</t>
    <rPh sb="3" eb="4">
      <t>カン</t>
    </rPh>
    <phoneticPr fontId="30"/>
  </si>
  <si>
    <t>φ150</t>
  </si>
  <si>
    <t>雑排水桝</t>
    <rPh sb="0" eb="1">
      <t>ザツ</t>
    </rPh>
    <rPh sb="1" eb="3">
      <t>ハイスイ</t>
    </rPh>
    <rPh sb="3" eb="4">
      <t>マス</t>
    </rPh>
    <phoneticPr fontId="30"/>
  </si>
  <si>
    <t>津山市</t>
    <rPh sb="0" eb="3">
      <t>ツヤマシ</t>
    </rPh>
    <phoneticPr fontId="30"/>
  </si>
  <si>
    <t>400×400～900×900</t>
  </si>
  <si>
    <t>伐根材</t>
    <rPh sb="0" eb="1">
      <t>バツ</t>
    </rPh>
    <rPh sb="1" eb="2">
      <t>コン</t>
    </rPh>
    <rPh sb="2" eb="3">
      <t>ザイ</t>
    </rPh>
    <phoneticPr fontId="30"/>
  </si>
  <si>
    <t>コンクリート二次</t>
    <rPh sb="6" eb="8">
      <t>ニジ</t>
    </rPh>
    <phoneticPr fontId="30"/>
  </si>
  <si>
    <t>一般産業廃棄物処理</t>
    <rPh sb="0" eb="2">
      <t>イッパン</t>
    </rPh>
    <rPh sb="2" eb="4">
      <t>サンギョウ</t>
    </rPh>
    <rPh sb="4" eb="7">
      <t>ハイキブツ</t>
    </rPh>
    <rPh sb="7" eb="9">
      <t>ショリ</t>
    </rPh>
    <phoneticPr fontId="30"/>
  </si>
  <si>
    <t>一般産業廃棄物運搬</t>
    <rPh sb="0" eb="2">
      <t>イッパン</t>
    </rPh>
    <rPh sb="2" eb="4">
      <t>サンギョウ</t>
    </rPh>
    <rPh sb="4" eb="7">
      <t>ハイキブツ</t>
    </rPh>
    <rPh sb="7" eb="9">
      <t>ウンパン</t>
    </rPh>
    <phoneticPr fontId="30"/>
  </si>
  <si>
    <t>科目名称　１０．廃棄物処理</t>
    <rPh sb="0" eb="2">
      <t>カモク</t>
    </rPh>
    <rPh sb="2" eb="4">
      <t>メイショウ</t>
    </rPh>
    <rPh sb="8" eb="11">
      <t>ハイキブツ</t>
    </rPh>
    <rPh sb="11" eb="13">
      <t>ショリ</t>
    </rPh>
    <phoneticPr fontId="50"/>
  </si>
  <si>
    <t>先行区域</t>
    <rPh sb="0" eb="2">
      <t>センコウ</t>
    </rPh>
    <rPh sb="2" eb="4">
      <t>クイキ</t>
    </rPh>
    <phoneticPr fontId="30"/>
  </si>
  <si>
    <t>DXNｓ含有土壌</t>
    <rPh sb="4" eb="6">
      <t>ガンユウ</t>
    </rPh>
    <rPh sb="6" eb="8">
      <t>ドジョウ</t>
    </rPh>
    <phoneticPr fontId="30"/>
  </si>
  <si>
    <t>汚染区画　先行区域外</t>
    <rPh sb="0" eb="2">
      <t>オセン</t>
    </rPh>
    <rPh sb="2" eb="4">
      <t>クカク</t>
    </rPh>
    <rPh sb="5" eb="7">
      <t>センコウ</t>
    </rPh>
    <rPh sb="7" eb="9">
      <t>クイキ</t>
    </rPh>
    <rPh sb="9" eb="10">
      <t>ガイ</t>
    </rPh>
    <phoneticPr fontId="30"/>
  </si>
  <si>
    <t>鋼矢板打設・引抜機</t>
    <rPh sb="0" eb="3">
      <t>コウヤイタ</t>
    </rPh>
    <rPh sb="3" eb="5">
      <t>ダセツ</t>
    </rPh>
    <rPh sb="6" eb="8">
      <t>ヒキヌキ</t>
    </rPh>
    <rPh sb="8" eb="9">
      <t>キ</t>
    </rPh>
    <phoneticPr fontId="30"/>
  </si>
  <si>
    <t>とりこわし等機械運搬</t>
    <rPh sb="5" eb="6">
      <t>ナド</t>
    </rPh>
    <rPh sb="6" eb="8">
      <t>キカイ</t>
    </rPh>
    <rPh sb="8" eb="10">
      <t>ウンパン</t>
    </rPh>
    <phoneticPr fontId="30"/>
  </si>
  <si>
    <t>鋼矢板</t>
    <rPh sb="0" eb="3">
      <t>コウヤイタ</t>
    </rPh>
    <phoneticPr fontId="30"/>
  </si>
  <si>
    <t>土留材</t>
    <rPh sb="0" eb="1">
      <t>ド</t>
    </rPh>
    <rPh sb="1" eb="2">
      <t>ト</t>
    </rPh>
    <rPh sb="2" eb="3">
      <t>ザイ</t>
    </rPh>
    <phoneticPr fontId="30"/>
  </si>
  <si>
    <t>汚染土壌・清浄土</t>
    <rPh sb="0" eb="2">
      <t>オセン</t>
    </rPh>
    <rPh sb="2" eb="4">
      <t>ドジョウ</t>
    </rPh>
    <rPh sb="5" eb="7">
      <t>セイジョウ</t>
    </rPh>
    <rPh sb="7" eb="8">
      <t>ド</t>
    </rPh>
    <phoneticPr fontId="30"/>
  </si>
  <si>
    <t>電力基本料金</t>
    <rPh sb="0" eb="2">
      <t>デンリョク</t>
    </rPh>
    <rPh sb="2" eb="4">
      <t>キホン</t>
    </rPh>
    <rPh sb="4" eb="6">
      <t>リョウキン</t>
    </rPh>
    <phoneticPr fontId="30"/>
  </si>
  <si>
    <t>電気使用量</t>
    <rPh sb="0" eb="2">
      <t>デンキ</t>
    </rPh>
    <rPh sb="2" eb="5">
      <t>シヨウリョウ</t>
    </rPh>
    <phoneticPr fontId="30"/>
  </si>
  <si>
    <t>簡易テスト</t>
    <rPh sb="0" eb="2">
      <t>カンイ</t>
    </rPh>
    <phoneticPr fontId="30"/>
  </si>
  <si>
    <t>掘削・積込・運搬</t>
    <rPh sb="0" eb="2">
      <t>クッサク</t>
    </rPh>
    <rPh sb="3" eb="5">
      <t>ツミコミ</t>
    </rPh>
    <rPh sb="6" eb="8">
      <t>ウンパン</t>
    </rPh>
    <phoneticPr fontId="30"/>
  </si>
  <si>
    <t>非汚染区画</t>
    <rPh sb="0" eb="1">
      <t>ヒ</t>
    </rPh>
    <rPh sb="1" eb="3">
      <t>オセン</t>
    </rPh>
    <rPh sb="3" eb="5">
      <t>クカク</t>
    </rPh>
    <phoneticPr fontId="30"/>
  </si>
  <si>
    <t>汚染区域</t>
    <rPh sb="0" eb="2">
      <t>オセン</t>
    </rPh>
    <rPh sb="2" eb="4">
      <t>クイキ</t>
    </rPh>
    <phoneticPr fontId="30"/>
  </si>
  <si>
    <t>場内仮置き場</t>
    <rPh sb="0" eb="2">
      <t>ジョウナイ</t>
    </rPh>
    <rPh sb="2" eb="4">
      <t>カリオ</t>
    </rPh>
    <rPh sb="5" eb="6">
      <t>バ</t>
    </rPh>
    <phoneticPr fontId="30"/>
  </si>
  <si>
    <t>汚染区画</t>
    <rPh sb="0" eb="2">
      <t>オセン</t>
    </rPh>
    <rPh sb="2" eb="4">
      <t>クカク</t>
    </rPh>
    <phoneticPr fontId="30"/>
  </si>
  <si>
    <t>粗大ごみ処理施設エリア</t>
    <rPh sb="0" eb="2">
      <t>ソダイ</t>
    </rPh>
    <rPh sb="4" eb="6">
      <t>ショリ</t>
    </rPh>
    <rPh sb="6" eb="8">
      <t>シセツ</t>
    </rPh>
    <phoneticPr fontId="30"/>
  </si>
  <si>
    <t>土留め工事</t>
    <rPh sb="0" eb="1">
      <t>ド</t>
    </rPh>
    <rPh sb="1" eb="2">
      <t>ト</t>
    </rPh>
    <rPh sb="3" eb="5">
      <t>コウジ</t>
    </rPh>
    <phoneticPr fontId="30"/>
  </si>
  <si>
    <t>可燃ごみ処理施設エリア</t>
    <rPh sb="0" eb="2">
      <t>カネン</t>
    </rPh>
    <rPh sb="4" eb="6">
      <t>ショリ</t>
    </rPh>
    <rPh sb="6" eb="8">
      <t>シセツ</t>
    </rPh>
    <phoneticPr fontId="30"/>
  </si>
  <si>
    <t>2.一次掘削</t>
    <rPh sb="2" eb="4">
      <t>イチジ</t>
    </rPh>
    <rPh sb="4" eb="6">
      <t>クッサク</t>
    </rPh>
    <phoneticPr fontId="30"/>
  </si>
  <si>
    <t>3.一次掘削</t>
    <rPh sb="2" eb="4">
      <t>イチジ</t>
    </rPh>
    <rPh sb="4" eb="6">
      <t>クッサク</t>
    </rPh>
    <phoneticPr fontId="30"/>
  </si>
  <si>
    <t>表層DXNｓ汚染区画</t>
    <rPh sb="0" eb="2">
      <t>ヒョウソウ</t>
    </rPh>
    <rPh sb="6" eb="8">
      <t>オセン</t>
    </rPh>
    <rPh sb="8" eb="10">
      <t>クカク</t>
    </rPh>
    <phoneticPr fontId="30"/>
  </si>
  <si>
    <t>粗大ごみ処理エリア</t>
    <rPh sb="0" eb="2">
      <t>ソダイ</t>
    </rPh>
    <rPh sb="4" eb="6">
      <t>ショリ</t>
    </rPh>
    <phoneticPr fontId="30"/>
  </si>
  <si>
    <t>山留工内</t>
    <rPh sb="0" eb="2">
      <t>ヤマドメ</t>
    </rPh>
    <rPh sb="2" eb="3">
      <t>コウ</t>
    </rPh>
    <rPh sb="3" eb="4">
      <t>ナイ</t>
    </rPh>
    <phoneticPr fontId="30"/>
  </si>
  <si>
    <t>5.二次掘削</t>
    <rPh sb="2" eb="6">
      <t>ニジクッサク</t>
    </rPh>
    <phoneticPr fontId="30"/>
  </si>
  <si>
    <t>6.二次掘削</t>
    <rPh sb="2" eb="6">
      <t>ニジクッサク</t>
    </rPh>
    <phoneticPr fontId="30"/>
  </si>
  <si>
    <t>路盤撤去</t>
    <rPh sb="0" eb="2">
      <t>ロバン</t>
    </rPh>
    <rPh sb="2" eb="4">
      <t>テッキョ</t>
    </rPh>
    <phoneticPr fontId="30"/>
  </si>
  <si>
    <t>路盤材</t>
    <rPh sb="0" eb="3">
      <t>ロバンザイ</t>
    </rPh>
    <phoneticPr fontId="30"/>
  </si>
  <si>
    <t>支給土（場外）</t>
    <rPh sb="0" eb="2">
      <t>シキュウ</t>
    </rPh>
    <rPh sb="2" eb="3">
      <t>ド</t>
    </rPh>
    <rPh sb="4" eb="6">
      <t>ジョウガイ</t>
    </rPh>
    <phoneticPr fontId="30"/>
  </si>
  <si>
    <t>場外仮置き場より</t>
    <rPh sb="0" eb="2">
      <t>ジョウガイ</t>
    </rPh>
    <rPh sb="2" eb="3">
      <t>カリ</t>
    </rPh>
    <rPh sb="3" eb="4">
      <t>オ</t>
    </rPh>
    <rPh sb="5" eb="6">
      <t>バ</t>
    </rPh>
    <phoneticPr fontId="30"/>
  </si>
  <si>
    <t>電気料金</t>
    <rPh sb="0" eb="2">
      <t>デンキ</t>
    </rPh>
    <rPh sb="2" eb="4">
      <t>リョウキン</t>
    </rPh>
    <phoneticPr fontId="50"/>
  </si>
  <si>
    <t>積込・運搬・埋戻し</t>
    <rPh sb="0" eb="2">
      <t>ツミコミ</t>
    </rPh>
    <rPh sb="3" eb="5">
      <t>ウンパン</t>
    </rPh>
    <rPh sb="6" eb="8">
      <t>ウメモド</t>
    </rPh>
    <phoneticPr fontId="30"/>
  </si>
  <si>
    <t>清浄土(場外）流用</t>
    <rPh sb="0" eb="2">
      <t>セイジョウ</t>
    </rPh>
    <rPh sb="2" eb="3">
      <t>ド</t>
    </rPh>
    <rPh sb="4" eb="6">
      <t>ジョウガイ</t>
    </rPh>
    <rPh sb="7" eb="9">
      <t>リュウヨウ</t>
    </rPh>
    <phoneticPr fontId="30"/>
  </si>
  <si>
    <t>15か月</t>
    <rPh sb="3" eb="4">
      <t>ゲツ</t>
    </rPh>
    <phoneticPr fontId="30"/>
  </si>
  <si>
    <t>共通仮設費</t>
    <rPh sb="0" eb="2">
      <t>キョウツウ</t>
    </rPh>
    <rPh sb="2" eb="4">
      <t>カセツ</t>
    </rPh>
    <rPh sb="4" eb="5">
      <t>ヒ</t>
    </rPh>
    <phoneticPr fontId="50"/>
  </si>
  <si>
    <t>　　この入札設計書は、見積参考資料であり、請負契約上の拘束力を生じるもので</t>
    <rPh sb="4" eb="6">
      <t>ニュウサツ</t>
    </rPh>
    <rPh sb="6" eb="9">
      <t>セッケイショ</t>
    </rPh>
    <rPh sb="11" eb="13">
      <t>ミツモ</t>
    </rPh>
    <rPh sb="13" eb="15">
      <t>サンコウ</t>
    </rPh>
    <rPh sb="15" eb="17">
      <t>シリョウ</t>
    </rPh>
    <rPh sb="21" eb="23">
      <t>ウケオイ</t>
    </rPh>
    <rPh sb="23" eb="25">
      <t>ケイヤク</t>
    </rPh>
    <rPh sb="25" eb="26">
      <t>ジョウ</t>
    </rPh>
    <rPh sb="27" eb="30">
      <t>コウソクリョク</t>
    </rPh>
    <rPh sb="31" eb="32">
      <t>ショウ</t>
    </rPh>
    <phoneticPr fontId="30"/>
  </si>
  <si>
    <t>A3⑦・B3①・B3②・B3④・B3⑤・B4①・B4④</t>
  </si>
  <si>
    <t>A3⑦・A3⑧・B3①
B3②・B3③・B3④・B3⑤・B3⑥</t>
  </si>
  <si>
    <t>工種・事業量</t>
    <rPh sb="0" eb="2">
      <t>コウシュ</t>
    </rPh>
    <rPh sb="3" eb="6">
      <t>ジギョウリョウ</t>
    </rPh>
    <phoneticPr fontId="30"/>
  </si>
  <si>
    <t>A4⑦・A4⑧・B4①・B4②・B4④・B4⑤・B4⑥・B4⑦・B4⑧・B4⑨</t>
  </si>
  <si>
    <t>表層土壌調査</t>
  </si>
  <si>
    <t xml:space="preserve">pH,　SS </t>
  </si>
  <si>
    <t>可燃ごみ処理設棟煙突</t>
    <rPh sb="0" eb="2">
      <t>カネン</t>
    </rPh>
    <rPh sb="4" eb="6">
      <t>ショリ</t>
    </rPh>
    <rPh sb="6" eb="7">
      <t>セツ</t>
    </rPh>
    <rPh sb="7" eb="8">
      <t>トウ</t>
    </rPh>
    <rPh sb="8" eb="10">
      <t>エントツ</t>
    </rPh>
    <phoneticPr fontId="30"/>
  </si>
  <si>
    <t>資材倉庫他</t>
    <rPh sb="0" eb="2">
      <t>シザイ</t>
    </rPh>
    <rPh sb="2" eb="4">
      <t>ソウコ</t>
    </rPh>
    <rPh sb="4" eb="5">
      <t>ホカ</t>
    </rPh>
    <phoneticPr fontId="30"/>
  </si>
  <si>
    <t>2.観測井設置</t>
    <rPh sb="2" eb="4">
      <t>カンソク</t>
    </rPh>
    <rPh sb="4" eb="5">
      <t>イ</t>
    </rPh>
    <rPh sb="5" eb="7">
      <t>セッチ</t>
    </rPh>
    <phoneticPr fontId="30"/>
  </si>
  <si>
    <t>可燃ごみ処理施設棟ピット部</t>
  </si>
  <si>
    <t>敷き鉄板他</t>
    <rPh sb="0" eb="1">
      <t>シ</t>
    </rPh>
    <rPh sb="2" eb="4">
      <t>テッパン</t>
    </rPh>
    <rPh sb="4" eb="5">
      <t>ホカ</t>
    </rPh>
    <phoneticPr fontId="30"/>
  </si>
  <si>
    <t>式</t>
    <rPh sb="0" eb="1">
      <t>シキ</t>
    </rPh>
    <phoneticPr fontId="49"/>
  </si>
  <si>
    <t>粗大エリア</t>
    <rPh sb="0" eb="2">
      <t>ソダイ</t>
    </rPh>
    <phoneticPr fontId="30"/>
  </si>
  <si>
    <t>可燃ごみエリア</t>
    <rPh sb="0" eb="2">
      <t>カネン</t>
    </rPh>
    <phoneticPr fontId="30"/>
  </si>
  <si>
    <t>二次掘削土</t>
    <rPh sb="0" eb="2">
      <t>ニジ</t>
    </rPh>
    <rPh sb="2" eb="4">
      <t>クッサク</t>
    </rPh>
    <rPh sb="4" eb="5">
      <t>ド</t>
    </rPh>
    <phoneticPr fontId="30"/>
  </si>
  <si>
    <t>残留汚泥</t>
    <rPh sb="0" eb="2">
      <t>ザンリュウ</t>
    </rPh>
    <rPh sb="2" eb="4">
      <t>オデイ</t>
    </rPh>
    <phoneticPr fontId="30"/>
  </si>
  <si>
    <t>運転管理含む（PH,SS監視含）</t>
    <rPh sb="0" eb="2">
      <t>ウンテン</t>
    </rPh>
    <rPh sb="2" eb="4">
      <t>カンリ</t>
    </rPh>
    <rPh sb="4" eb="5">
      <t>フク</t>
    </rPh>
    <rPh sb="12" eb="14">
      <t>カンシ</t>
    </rPh>
    <rPh sb="14" eb="15">
      <t>フク</t>
    </rPh>
    <phoneticPr fontId="30"/>
  </si>
  <si>
    <t>対策効果確認調査</t>
    <rPh sb="0" eb="2">
      <t>タイサク</t>
    </rPh>
    <rPh sb="2" eb="4">
      <t>コウカ</t>
    </rPh>
    <rPh sb="4" eb="6">
      <t>カクニン</t>
    </rPh>
    <rPh sb="6" eb="8">
      <t>チョウサ</t>
    </rPh>
    <phoneticPr fontId="30"/>
  </si>
  <si>
    <t>K-150</t>
  </si>
  <si>
    <t>ふっ素</t>
    <rPh sb="2" eb="3">
      <t>ソ</t>
    </rPh>
    <phoneticPr fontId="30"/>
  </si>
  <si>
    <t>pH</t>
  </si>
  <si>
    <t>種別名称</t>
    <rPh sb="0" eb="2">
      <t>シュベツ</t>
    </rPh>
    <rPh sb="2" eb="4">
      <t>メイショウ</t>
    </rPh>
    <phoneticPr fontId="50"/>
  </si>
  <si>
    <t>　起　工　　　第　　回変更　　　精算　　　入札設計書</t>
    <rPh sb="1" eb="2">
      <t>オコシ</t>
    </rPh>
    <rPh sb="3" eb="4">
      <t>コウ</t>
    </rPh>
    <rPh sb="7" eb="8">
      <t>ダイ</t>
    </rPh>
    <rPh sb="10" eb="11">
      <t>カイ</t>
    </rPh>
    <rPh sb="11" eb="13">
      <t>ヘンコウ</t>
    </rPh>
    <rPh sb="16" eb="18">
      <t>セイサン</t>
    </rPh>
    <rPh sb="21" eb="23">
      <t>ニュウサツ</t>
    </rPh>
    <rPh sb="23" eb="26">
      <t>セッケイショ</t>
    </rPh>
    <phoneticPr fontId="30"/>
  </si>
  <si>
    <t>Ｌ＝3</t>
  </si>
  <si>
    <t>Ｌ＝7</t>
  </si>
  <si>
    <t>Ｌ＝2.95 　N＝60本</t>
    <rPh sb="12" eb="13">
      <t>ホン</t>
    </rPh>
    <phoneticPr fontId="30"/>
  </si>
  <si>
    <t>建設リサイクル届対象</t>
    <rPh sb="0" eb="2">
      <t>ケンセツ</t>
    </rPh>
    <rPh sb="7" eb="8">
      <t>トドケ</t>
    </rPh>
    <rPh sb="8" eb="10">
      <t>タイショウ</t>
    </rPh>
    <phoneticPr fontId="30"/>
  </si>
  <si>
    <t>Ｌ＝3.10　N=93本</t>
    <rPh sb="11" eb="12">
      <t>ホン</t>
    </rPh>
    <phoneticPr fontId="30"/>
  </si>
  <si>
    <t>位置</t>
    <rPh sb="0" eb="2">
      <t>イチ</t>
    </rPh>
    <phoneticPr fontId="30"/>
  </si>
  <si>
    <t>小桁</t>
    <rPh sb="0" eb="2">
      <t>オゲタ</t>
    </rPh>
    <phoneticPr fontId="30"/>
  </si>
  <si>
    <t>設計者</t>
    <rPh sb="0" eb="3">
      <t>セッケイシャ</t>
    </rPh>
    <phoneticPr fontId="30"/>
  </si>
  <si>
    <t>予算種別</t>
    <rPh sb="0" eb="2">
      <t>ヨサン</t>
    </rPh>
    <rPh sb="2" eb="4">
      <t>シュベツ</t>
    </rPh>
    <phoneticPr fontId="30"/>
  </si>
  <si>
    <t>監督員</t>
    <rPh sb="0" eb="3">
      <t>カントクイン</t>
    </rPh>
    <phoneticPr fontId="30"/>
  </si>
  <si>
    <t>TEL</t>
  </si>
  <si>
    <t>FAX</t>
  </si>
  <si>
    <t>（氏名）</t>
    <rPh sb="1" eb="3">
      <t>シメイ</t>
    </rPh>
    <phoneticPr fontId="30"/>
  </si>
  <si>
    <t>係長</t>
    <rPh sb="0" eb="2">
      <t>カカリチョウ</t>
    </rPh>
    <phoneticPr fontId="30"/>
  </si>
  <si>
    <t>中山　直樹</t>
    <rPh sb="0" eb="2">
      <t>ナカヤマ</t>
    </rPh>
    <rPh sb="3" eb="5">
      <t>ナオキ</t>
    </rPh>
    <phoneticPr fontId="30"/>
  </si>
  <si>
    <t>課長補佐</t>
    <rPh sb="0" eb="2">
      <t>カチョウ</t>
    </rPh>
    <rPh sb="2" eb="4">
      <t>ホサ</t>
    </rPh>
    <phoneticPr fontId="30"/>
  </si>
  <si>
    <t>令和</t>
    <rPh sb="0" eb="2">
      <t>レイワ</t>
    </rPh>
    <phoneticPr fontId="30"/>
  </si>
  <si>
    <t>　　工 事 番 号　　Ｒ１　　建工第　　号</t>
    <rPh sb="2" eb="3">
      <t>コウ</t>
    </rPh>
    <rPh sb="4" eb="5">
      <t>コト</t>
    </rPh>
    <rPh sb="6" eb="7">
      <t>バン</t>
    </rPh>
    <rPh sb="8" eb="9">
      <t>ゴウ</t>
    </rPh>
    <rPh sb="15" eb="16">
      <t>ケン</t>
    </rPh>
    <rPh sb="16" eb="17">
      <t>コウ</t>
    </rPh>
    <rPh sb="17" eb="18">
      <t>ダイ</t>
    </rPh>
    <rPh sb="20" eb="21">
      <t>ゴウ</t>
    </rPh>
    <phoneticPr fontId="30"/>
  </si>
  <si>
    <t>仮置き場借地費用</t>
    <rPh sb="0" eb="1">
      <t>カリ</t>
    </rPh>
    <rPh sb="1" eb="2">
      <t>オ</t>
    </rPh>
    <rPh sb="3" eb="4">
      <t>バ</t>
    </rPh>
    <rPh sb="4" eb="6">
      <t>シャクチ</t>
    </rPh>
    <rPh sb="6" eb="8">
      <t>ヒヨウ</t>
    </rPh>
    <phoneticPr fontId="30"/>
  </si>
  <si>
    <t>科目名称　2.汚染土壌除去工事(仕様書　表5-7-1参照）</t>
    <rPh sb="0" eb="2">
      <t>カモク</t>
    </rPh>
    <rPh sb="2" eb="4">
      <t>メイショウ</t>
    </rPh>
    <rPh sb="7" eb="9">
      <t>オセン</t>
    </rPh>
    <rPh sb="9" eb="11">
      <t>ドジョウ</t>
    </rPh>
    <rPh sb="11" eb="13">
      <t>ジョキョ</t>
    </rPh>
    <rPh sb="13" eb="15">
      <t>コウジ</t>
    </rPh>
    <rPh sb="16" eb="19">
      <t>シヨウショ</t>
    </rPh>
    <rPh sb="20" eb="21">
      <t>ヒョウ</t>
    </rPh>
    <rPh sb="26" eb="28">
      <t>サンショウ</t>
    </rPh>
    <phoneticPr fontId="50"/>
  </si>
  <si>
    <t>4.一時保管場所表土調査</t>
    <rPh sb="2" eb="4">
      <t>イチジ</t>
    </rPh>
    <rPh sb="4" eb="6">
      <t>ホカン</t>
    </rPh>
    <rPh sb="6" eb="8">
      <t>バショ</t>
    </rPh>
    <rPh sb="8" eb="10">
      <t>ヒョウド</t>
    </rPh>
    <rPh sb="10" eb="12">
      <t>チョウサ</t>
    </rPh>
    <phoneticPr fontId="30"/>
  </si>
  <si>
    <t>5．対策効果確認調査</t>
    <rPh sb="2" eb="4">
      <t>タイサク</t>
    </rPh>
    <rPh sb="4" eb="6">
      <t>コウカ</t>
    </rPh>
    <rPh sb="6" eb="8">
      <t>カクニン</t>
    </rPh>
    <rPh sb="8" eb="10">
      <t>チョウサ</t>
    </rPh>
    <phoneticPr fontId="30"/>
  </si>
  <si>
    <t>土壌溶出量分析　</t>
    <rPh sb="4" eb="5">
      <t>リョウ</t>
    </rPh>
    <phoneticPr fontId="30"/>
  </si>
  <si>
    <t>砒素，ふっ素</t>
    <rPh sb="0" eb="2">
      <t>ヒソ</t>
    </rPh>
    <rPh sb="5" eb="6">
      <t>ソ</t>
    </rPh>
    <phoneticPr fontId="30"/>
  </si>
  <si>
    <t>ふっ素，鉛，砒素</t>
  </si>
  <si>
    <t>連続測定</t>
  </si>
  <si>
    <t>B4②・B4④・B4⑥・）</t>
  </si>
  <si>
    <t>土壌含有量（A3⑦・</t>
    <rPh sb="0" eb="2">
      <t>ドジョウ</t>
    </rPh>
    <rPh sb="2" eb="5">
      <t>ガンユウリョウ</t>
    </rPh>
    <phoneticPr fontId="30"/>
  </si>
</sst>
</file>

<file path=xl/styles.xml><?xml version="1.0" encoding="utf-8"?>
<styleSheet xmlns="http://schemas.openxmlformats.org/spreadsheetml/2006/main" xmlns:r="http://schemas.openxmlformats.org/officeDocument/2006/relationships" xmlns:mc="http://schemas.openxmlformats.org/markup-compatibility/2006">
  <numFmts count="25">
    <numFmt numFmtId="190" formatCode="&quot;\&quot;#,##0_);[Red]\(&quot;\&quot;#,##0\)"/>
    <numFmt numFmtId="178" formatCode="&quot;塔&quot;&quot;屋&quot;\ #\ &quot;階&quot;"/>
    <numFmt numFmtId="200" formatCode="#,##0.0"/>
    <numFmt numFmtId="180" formatCode="#,##0.0000;[Red]\-#,##0.0000"/>
    <numFmt numFmtId="195" formatCode="#,##0.00_ "/>
    <numFmt numFmtId="192" formatCode="#,##0.0\ "/>
    <numFmt numFmtId="191" formatCode="#,##0;[Red]&quot;▲&quot;* #,##0;\-\-"/>
    <numFmt numFmtId="176" formatCode="#,##0;\-#,##0;&quot;-&quot;"/>
    <numFmt numFmtId="193" formatCode="#,##0\ \ "/>
    <numFmt numFmtId="196" formatCode="#,##0_ "/>
    <numFmt numFmtId="199" formatCode="#,##0_ ;[Red]\-#,##0\ "/>
    <numFmt numFmtId="197" formatCode="#,##0_);[Red]\(#,##0\)"/>
    <numFmt numFmtId="183" formatCode="#\ &quot;日&quot;&quot;　&quot;&quot;間&quot;"/>
    <numFmt numFmtId="179" formatCode="0&quot; m2  x&quot;"/>
    <numFmt numFmtId="185" formatCode="0&quot; 式  x&quot;"/>
    <numFmt numFmtId="198" formatCode="0.0"/>
    <numFmt numFmtId="186" formatCode="0.0%"/>
    <numFmt numFmtId="194" formatCode="0_ "/>
    <numFmt numFmtId="182" formatCode="General_)"/>
    <numFmt numFmtId="177" formatCode="[$-411]gggee&quot;年&quot;m&quot;月&quot;d&quot;日 (        )&quot;"/>
    <numFmt numFmtId="181" formatCode="[$-411]gggee&quot;年&quot;m&quot;月&quot;d&quot;日 (     )&quot;"/>
    <numFmt numFmtId="189" formatCode="[$-411]gggee&quot;年&quot;m&quot;月&quot;d&quot;日&quot;\ h:mm"/>
    <numFmt numFmtId="188" formatCode="\(##.#&quot;人/月&quot;\)"/>
    <numFmt numFmtId="187" formatCode="\(#,###&quot;/&quot;&quot;坪&quot;\)"/>
    <numFmt numFmtId="184" formatCode="_(&quot;$&quot;* #,##0.0_);_(&quot;$&quot;* \(#,##0.0\);_(&quot;$&quot;* &quot;-&quot;??_);_(@_)"/>
  </numFmts>
  <fonts count="51">
    <font>
      <sz val="11"/>
      <color theme="1"/>
      <name val="ＭＳ Ｐゴシック"/>
      <family val="3"/>
      <scheme val="minor"/>
    </font>
    <font>
      <sz val="10"/>
      <color auto="1"/>
      <name val="Arial"/>
      <family val="2"/>
    </font>
    <font>
      <sz val="11"/>
      <color auto="1"/>
      <name val="明朝"/>
      <family val="3"/>
    </font>
    <font>
      <sz val="10"/>
      <color indexed="8"/>
      <name val="Arial"/>
      <family val="2"/>
    </font>
    <font>
      <sz val="11"/>
      <color auto="1"/>
      <name val="ＭＳ 明朝"/>
      <family val="1"/>
    </font>
    <font>
      <sz val="11"/>
      <color auto="1"/>
      <name val="ＭＳ Ｐゴシック"/>
      <family val="3"/>
    </font>
    <font>
      <sz val="12"/>
      <color auto="1"/>
      <name val="ＭＳ 明朝"/>
      <family val="1"/>
    </font>
    <font>
      <b/>
      <sz val="12"/>
      <color auto="1"/>
      <name val="Helv"/>
      <family val="2"/>
    </font>
    <font>
      <sz val="12"/>
      <color auto="1"/>
      <name val="Helv"/>
      <family val="2"/>
    </font>
    <font>
      <sz val="9"/>
      <color auto="1"/>
      <name val="Times New Roman"/>
      <family val="1"/>
    </font>
    <font>
      <u/>
      <sz val="10"/>
      <color indexed="14"/>
      <name val="MS Sans Serif"/>
      <family val="2"/>
    </font>
    <font>
      <sz val="8"/>
      <color auto="1"/>
      <name val="Arial"/>
      <family val="2"/>
    </font>
    <font>
      <b/>
      <sz val="11"/>
      <color auto="1"/>
      <name val="Arial"/>
      <family val="2"/>
    </font>
    <font>
      <b/>
      <sz val="12"/>
      <color auto="1"/>
      <name val="Arial"/>
      <family val="2"/>
    </font>
    <font>
      <u/>
      <sz val="8"/>
      <color indexed="12"/>
      <name val="Times New Roman"/>
      <family val="1"/>
    </font>
    <font>
      <b/>
      <sz val="10"/>
      <color auto="1"/>
      <name val="Arial"/>
      <family val="2"/>
    </font>
    <font>
      <sz val="10"/>
      <color auto="1"/>
      <name val="MS Sans Serif"/>
      <family val="2"/>
    </font>
    <font>
      <b/>
      <sz val="10"/>
      <color auto="1"/>
      <name val="MS Sans Serif"/>
      <family val="2"/>
    </font>
    <font>
      <sz val="8"/>
      <color indexed="16"/>
      <name val="Century Schoolbook"/>
      <family val="1"/>
    </font>
    <font>
      <b/>
      <i/>
      <sz val="10"/>
      <color auto="1"/>
      <name val="Times New Roman"/>
      <family val="1"/>
    </font>
    <font>
      <b/>
      <sz val="11"/>
      <color auto="1"/>
      <name val="Helv"/>
      <family val="2"/>
    </font>
    <font>
      <b/>
      <sz val="9"/>
      <color auto="1"/>
      <name val="Times New Roman"/>
      <family val="1"/>
    </font>
    <font>
      <sz val="11"/>
      <color indexed="8"/>
      <name val="ＭＳ Ｐゴシック"/>
      <family val="3"/>
    </font>
    <font>
      <sz val="11"/>
      <color auto="1"/>
      <name val="ＭＳ ゴシック"/>
      <family val="3"/>
    </font>
    <font>
      <sz val="11"/>
      <color indexed="8"/>
      <name val="FC丸ゴシック体-L"/>
      <family val="3"/>
    </font>
    <font>
      <sz val="11"/>
      <color theme="1"/>
      <name val="ＭＳ Ｐゴシック"/>
      <family val="3"/>
      <scheme val="minor"/>
    </font>
    <font>
      <sz val="10"/>
      <color auto="1"/>
      <name val="ＭＳ 明朝"/>
      <family val="1"/>
    </font>
    <font>
      <sz val="14"/>
      <color auto="1"/>
      <name val="ＭＳ ゴシック"/>
      <family val="3"/>
    </font>
    <font>
      <sz val="10"/>
      <color auto="1"/>
      <name val="Times New Roman"/>
      <family val="1"/>
    </font>
    <font>
      <sz val="10"/>
      <color auto="1"/>
      <name val="Helv"/>
      <family val="2"/>
    </font>
    <font>
      <sz val="6"/>
      <color auto="1"/>
      <name val="ＭＳ Ｐゴシック"/>
      <family val="3"/>
    </font>
    <font>
      <sz val="20"/>
      <color auto="1"/>
      <name val="ＭＳ ゴシック"/>
      <family val="3"/>
    </font>
    <font>
      <sz val="18"/>
      <color auto="1"/>
      <name val="ＭＳ ゴシック"/>
      <family val="3"/>
    </font>
    <font>
      <sz val="12"/>
      <color auto="1"/>
      <name val="ＭＳ ゴシック"/>
      <family val="3"/>
    </font>
    <font>
      <sz val="11"/>
      <color auto="1"/>
      <name val="ＭＳ Ｐ明朝"/>
      <family val="1"/>
    </font>
    <font>
      <sz val="16"/>
      <color indexed="10"/>
      <name val="ＭＳ ゴシック"/>
      <family val="3"/>
    </font>
    <font>
      <sz val="10"/>
      <color auto="1"/>
      <name val="ＭＳ Ｐ明朝"/>
      <family val="1"/>
    </font>
    <font>
      <b/>
      <sz val="28"/>
      <color indexed="10"/>
      <name val="ＭＳ ゴシック"/>
      <family val="3"/>
    </font>
    <font>
      <b/>
      <sz val="28"/>
      <color indexed="10"/>
      <name val="ＭＳ Ｐゴシック"/>
      <family val="3"/>
    </font>
    <font>
      <b/>
      <sz val="16"/>
      <color indexed="10"/>
      <name val="ＭＳ ゴシック"/>
      <family val="3"/>
    </font>
    <font>
      <sz val="11"/>
      <color indexed="10"/>
      <name val="ＭＳ 明朝"/>
      <family val="1"/>
    </font>
    <font>
      <sz val="9"/>
      <color auto="1"/>
      <name val="ＭＳ ゴシック"/>
      <family val="3"/>
    </font>
    <font>
      <sz val="10"/>
      <color auto="1"/>
      <name val="ＭＳ ゴシック"/>
      <family val="3"/>
    </font>
    <font>
      <sz val="10"/>
      <color indexed="10"/>
      <name val="ＭＳ ゴシック"/>
      <family val="3"/>
    </font>
    <font>
      <sz val="8"/>
      <color auto="1"/>
      <name val="ＭＳ ゴシック"/>
      <family val="3"/>
    </font>
    <font>
      <sz val="9"/>
      <color theme="1"/>
      <name val="ＭＳ Ｐゴシック"/>
      <family val="3"/>
      <scheme val="minor"/>
    </font>
    <font>
      <u/>
      <sz val="10"/>
      <color auto="1"/>
      <name val="ＭＳ ゴシック"/>
      <family val="3"/>
    </font>
    <font>
      <strike/>
      <sz val="10"/>
      <color rgb="FFFF0000"/>
      <name val="ＭＳ ゴシック"/>
      <family val="3"/>
    </font>
    <font>
      <strike/>
      <sz val="11"/>
      <color rgb="FFFF0000"/>
      <name val="ＭＳ Ｐゴシック"/>
      <family val="3"/>
      <scheme val="minor"/>
    </font>
    <font>
      <sz val="11"/>
      <color theme="1"/>
      <name val="ＭＳ Ｐゴシック"/>
      <family val="3"/>
      <scheme val="minor"/>
    </font>
    <font>
      <sz val="6"/>
      <color auto="1"/>
      <name val="ＭＳ 明朝"/>
      <family val="1"/>
    </font>
  </fonts>
  <fills count="9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10"/>
        <bgColor indexed="64"/>
      </patternFill>
    </fill>
    <fill>
      <patternFill patternType="mediumGray">
        <fgColor indexed="22"/>
      </patternFill>
    </fill>
    <fill>
      <patternFill patternType="solid">
        <fgColor indexed="43"/>
        <bgColor indexed="64"/>
      </patternFill>
    </fill>
    <fill>
      <patternFill patternType="solid">
        <fgColor indexed="13"/>
        <bgColor indexed="64"/>
      </patternFill>
    </fill>
  </fills>
  <borders count="41">
    <border>
      <left/>
      <right/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10"/>
      </left>
      <right/>
      <top style="medium">
        <color indexed="10"/>
      </top>
      <bottom/>
      <diagonal/>
    </border>
    <border>
      <left style="medium">
        <color indexed="10"/>
      </left>
      <right/>
      <top/>
      <bottom style="medium">
        <color indexed="10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10"/>
      </right>
      <top style="medium">
        <color indexed="10"/>
      </top>
      <bottom/>
      <diagonal/>
    </border>
    <border>
      <left/>
      <right style="medium">
        <color indexed="10"/>
      </right>
      <top/>
      <bottom style="medium">
        <color indexed="10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38">
    <xf numFmtId="0" fontId="0" fillId="0" borderId="0">
      <alignment vertical="center"/>
    </xf>
    <xf numFmtId="9" fontId="1" fillId="2" borderId="0"/>
    <xf numFmtId="0" fontId="2" fillId="0" borderId="0" applyFont="0" applyFill="0" applyBorder="0" applyAlignment="0" applyProtection="0">
      <alignment horizontal="right"/>
    </xf>
    <xf numFmtId="0" fontId="2" fillId="0" borderId="0" applyFont="0" applyFill="0" applyBorder="0" applyAlignment="0" applyProtection="0">
      <alignment horizontal="right"/>
    </xf>
    <xf numFmtId="176" fontId="3" fillId="0" borderId="0" applyFill="0" applyBorder="0" applyAlignment="0">
      <alignment vertical="center"/>
    </xf>
    <xf numFmtId="177" fontId="4" fillId="0" borderId="0" applyFill="0" applyBorder="0" applyAlignment="0">
      <alignment vertical="center"/>
    </xf>
    <xf numFmtId="178" fontId="4" fillId="0" borderId="0" applyFill="0" applyBorder="0" applyAlignment="0">
      <alignment vertical="center"/>
    </xf>
    <xf numFmtId="179" fontId="5" fillId="0" borderId="0" applyFill="0" applyBorder="0" applyAlignment="0">
      <alignment vertical="center"/>
    </xf>
    <xf numFmtId="180" fontId="4" fillId="0" borderId="0" applyFill="0" applyBorder="0" applyAlignment="0">
      <alignment vertical="center"/>
    </xf>
    <xf numFmtId="177" fontId="6" fillId="0" borderId="0" applyFill="0" applyBorder="0" applyAlignment="0">
      <alignment vertical="center"/>
    </xf>
    <xf numFmtId="181" fontId="4" fillId="0" borderId="0" applyFill="0" applyBorder="0" applyAlignment="0">
      <alignment vertical="center"/>
    </xf>
    <xf numFmtId="177" fontId="4" fillId="0" borderId="0" applyFill="0" applyBorder="0" applyAlignment="0">
      <alignment vertical="center"/>
    </xf>
    <xf numFmtId="182" fontId="7" fillId="0" borderId="0"/>
    <xf numFmtId="182" fontId="8" fillId="0" borderId="0"/>
    <xf numFmtId="182" fontId="8" fillId="0" borderId="0"/>
    <xf numFmtId="182" fontId="8" fillId="0" borderId="0"/>
    <xf numFmtId="182" fontId="8" fillId="0" borderId="0"/>
    <xf numFmtId="182" fontId="8" fillId="0" borderId="0"/>
    <xf numFmtId="182" fontId="8" fillId="0" borderId="0"/>
    <xf numFmtId="182" fontId="8" fillId="0" borderId="0"/>
    <xf numFmtId="177" fontId="6" fillId="0" borderId="0" applyFont="0" applyFill="0" applyBorder="0" applyAlignment="0" applyProtection="0">
      <alignment vertical="center"/>
    </xf>
    <xf numFmtId="0" fontId="1" fillId="0" borderId="0" applyFont="0" applyFill="0" applyBorder="0" applyAlignment="0" applyProtection="0">
      <alignment vertical="center"/>
    </xf>
    <xf numFmtId="183" fontId="4" fillId="0" borderId="0" applyFont="0" applyFill="0" applyBorder="0" applyAlignment="0" applyProtection="0">
      <alignment vertical="center"/>
    </xf>
    <xf numFmtId="177" fontId="4" fillId="0" borderId="0" applyFont="0" applyFill="0" applyBorder="0" applyAlignment="0" applyProtection="0">
      <alignment vertical="center"/>
    </xf>
    <xf numFmtId="0" fontId="1" fillId="0" borderId="0" applyFont="0" applyFill="0" applyBorder="0" applyAlignment="0" applyProtection="0">
      <alignment vertical="center"/>
    </xf>
    <xf numFmtId="181" fontId="4" fillId="0" borderId="0" applyFont="0" applyFill="0" applyBorder="0" applyAlignment="0" applyProtection="0">
      <alignment vertical="center"/>
    </xf>
    <xf numFmtId="14" fontId="3" fillId="0" borderId="0" applyFill="0" applyBorder="0" applyAlignment="0">
      <alignment vertical="center"/>
    </xf>
    <xf numFmtId="177" fontId="6" fillId="0" borderId="0" applyFill="0" applyBorder="0" applyAlignment="0">
      <alignment vertical="center"/>
    </xf>
    <xf numFmtId="177" fontId="4" fillId="0" borderId="0" applyFill="0" applyBorder="0" applyAlignment="0">
      <alignment vertical="center"/>
    </xf>
    <xf numFmtId="177" fontId="6" fillId="0" borderId="0" applyFill="0" applyBorder="0" applyAlignment="0">
      <alignment vertical="center"/>
    </xf>
    <xf numFmtId="181" fontId="4" fillId="0" borderId="0" applyFill="0" applyBorder="0" applyAlignment="0">
      <alignment vertical="center"/>
    </xf>
    <xf numFmtId="177" fontId="4" fillId="0" borderId="0" applyFill="0" applyBorder="0" applyAlignment="0">
      <alignment vertical="center"/>
    </xf>
    <xf numFmtId="0" fontId="9" fillId="0" borderId="0">
      <alignment horizontal="left"/>
    </xf>
    <xf numFmtId="0" fontId="10" fillId="0" borderId="0" applyNumberFormat="0" applyFill="0" applyBorder="0" applyAlignment="0" applyProtection="0">
      <alignment vertical="center"/>
    </xf>
    <xf numFmtId="38" fontId="11" fillId="3" borderId="0" applyNumberFormat="0" applyBorder="0" applyAlignment="0" applyProtection="0">
      <alignment vertical="center"/>
    </xf>
    <xf numFmtId="184" fontId="12" fillId="0" borderId="0" applyNumberFormat="0" applyFill="0" applyBorder="0" applyProtection="0">
      <alignment horizontal="right"/>
    </xf>
    <xf numFmtId="0" fontId="13" fillId="0" borderId="1" applyNumberFormat="0" applyAlignment="0" applyProtection="0">
      <alignment horizontal="left" vertical="center"/>
    </xf>
    <xf numFmtId="0" fontId="13" fillId="0" borderId="2">
      <alignment horizontal="left" vertical="center"/>
    </xf>
    <xf numFmtId="0" fontId="14" fillId="0" borderId="0" applyNumberFormat="0" applyFill="0" applyBorder="0" applyAlignment="0" applyProtection="0">
      <alignment vertical="top"/>
      <protection locked="0"/>
    </xf>
    <xf numFmtId="10" fontId="11" fillId="4" borderId="3" applyNumberFormat="0" applyBorder="0" applyAlignment="0" applyProtection="0">
      <alignment vertical="center"/>
    </xf>
    <xf numFmtId="177" fontId="6" fillId="0" borderId="0" applyFill="0" applyBorder="0" applyAlignment="0">
      <alignment vertical="center"/>
    </xf>
    <xf numFmtId="177" fontId="4" fillId="0" borderId="0" applyFill="0" applyBorder="0" applyAlignment="0">
      <alignment vertical="center"/>
    </xf>
    <xf numFmtId="177" fontId="6" fillId="0" borderId="0" applyFill="0" applyBorder="0" applyAlignment="0">
      <alignment vertical="center"/>
    </xf>
    <xf numFmtId="181" fontId="4" fillId="0" borderId="0" applyFill="0" applyBorder="0" applyAlignment="0">
      <alignment vertical="center"/>
    </xf>
    <xf numFmtId="177" fontId="4" fillId="0" borderId="0" applyFill="0" applyBorder="0" applyAlignment="0">
      <alignment vertical="center"/>
    </xf>
    <xf numFmtId="185" fontId="5" fillId="0" borderId="0"/>
    <xf numFmtId="0" fontId="1" fillId="0" borderId="0"/>
    <xf numFmtId="0" fontId="1" fillId="3" borderId="0" applyNumberFormat="0" applyFont="0" applyBorder="0" applyAlignment="0">
      <alignment vertical="center"/>
    </xf>
    <xf numFmtId="183" fontId="6" fillId="0" borderId="0" applyFont="0" applyFill="0" applyBorder="0" applyAlignment="0" applyProtection="0">
      <alignment vertical="center"/>
    </xf>
    <xf numFmtId="177" fontId="6" fillId="0" borderId="0" applyFont="0" applyFill="0" applyBorder="0" applyAlignment="0" applyProtection="0">
      <alignment vertical="center"/>
    </xf>
    <xf numFmtId="186" fontId="1" fillId="0" borderId="0" applyFont="0" applyFill="0" applyBorder="0" applyAlignment="0" applyProtection="0">
      <alignment vertical="center"/>
    </xf>
    <xf numFmtId="183" fontId="4" fillId="0" borderId="0" applyFont="0" applyFill="0" applyBorder="0" applyAlignment="0" applyProtection="0">
      <alignment vertical="center"/>
    </xf>
    <xf numFmtId="180" fontId="4" fillId="0" borderId="0" applyFont="0" applyFill="0" applyBorder="0" applyAlignment="0" applyProtection="0">
      <alignment vertical="center"/>
    </xf>
    <xf numFmtId="10" fontId="1" fillId="0" borderId="0" applyFont="0" applyFill="0" applyBorder="0" applyAlignment="0" applyProtection="0">
      <alignment vertical="center"/>
    </xf>
    <xf numFmtId="187" fontId="4" fillId="0" borderId="0" applyFont="0" applyFill="0" applyBorder="0" applyAlignment="0" applyProtection="0">
      <alignment vertical="center"/>
    </xf>
    <xf numFmtId="177" fontId="6" fillId="0" borderId="0" applyFill="0" applyBorder="0" applyAlignment="0">
      <alignment vertical="center"/>
    </xf>
    <xf numFmtId="177" fontId="4" fillId="0" borderId="0" applyFill="0" applyBorder="0" applyAlignment="0">
      <alignment vertical="center"/>
    </xf>
    <xf numFmtId="177" fontId="6" fillId="0" borderId="0" applyFill="0" applyBorder="0" applyAlignment="0">
      <alignment vertical="center"/>
    </xf>
    <xf numFmtId="181" fontId="4" fillId="0" borderId="0" applyFill="0" applyBorder="0" applyAlignment="0">
      <alignment vertical="center"/>
    </xf>
    <xf numFmtId="177" fontId="4" fillId="0" borderId="0" applyFill="0" applyBorder="0" applyAlignment="0">
      <alignment vertical="center"/>
    </xf>
    <xf numFmtId="4" fontId="9" fillId="0" borderId="0">
      <alignment horizontal="right"/>
    </xf>
    <xf numFmtId="0" fontId="15" fillId="5" borderId="0" applyNumberFormat="0" applyBorder="0" applyAlignment="0" applyProtection="0">
      <alignment vertical="center"/>
    </xf>
    <xf numFmtId="0" fontId="16" fillId="0" borderId="0" applyNumberFormat="0" applyFont="0" applyFill="0" applyBorder="0" applyAlignment="0" applyProtection="0">
      <alignment horizontal="left"/>
    </xf>
    <xf numFmtId="15" fontId="16" fillId="0" borderId="0" applyFont="0" applyFill="0" applyBorder="0" applyAlignment="0" applyProtection="0">
      <alignment vertical="center"/>
    </xf>
    <xf numFmtId="4" fontId="16" fillId="0" borderId="0" applyFont="0" applyFill="0" applyBorder="0" applyAlignment="0" applyProtection="0">
      <alignment vertical="center"/>
    </xf>
    <xf numFmtId="0" fontId="17" fillId="0" borderId="4">
      <alignment horizontal="center"/>
    </xf>
    <xf numFmtId="3" fontId="16" fillId="0" borderId="0" applyFont="0" applyFill="0" applyBorder="0" applyAlignment="0" applyProtection="0">
      <alignment vertical="center"/>
    </xf>
    <xf numFmtId="0" fontId="16" fillId="6" borderId="0" applyNumberFormat="0" applyFont="0" applyBorder="0" applyAlignment="0" applyProtection="0">
      <alignment vertical="center"/>
    </xf>
    <xf numFmtId="4" fontId="18" fillId="0" borderId="0">
      <alignment horizontal="right"/>
    </xf>
    <xf numFmtId="0" fontId="19" fillId="0" borderId="0">
      <alignment horizontal="left"/>
    </xf>
    <xf numFmtId="0" fontId="20" fillId="0" borderId="0"/>
    <xf numFmtId="0" fontId="1" fillId="7" borderId="0" applyNumberFormat="0" applyBorder="0" applyProtection="0">
      <alignment vertical="top" wrapText="1"/>
    </xf>
    <xf numFmtId="49" fontId="3" fillId="0" borderId="0" applyFill="0" applyBorder="0" applyAlignment="0">
      <alignment vertical="center"/>
    </xf>
    <xf numFmtId="187" fontId="4" fillId="0" borderId="0" applyFill="0" applyBorder="0" applyAlignment="0">
      <alignment vertical="center"/>
    </xf>
    <xf numFmtId="188" fontId="4" fillId="0" borderId="0" applyFill="0" applyBorder="0" applyAlignment="0">
      <alignment vertical="center"/>
    </xf>
    <xf numFmtId="49" fontId="1" fillId="8" borderId="0" applyFont="0" applyBorder="0" applyAlignment="0" applyProtection="0">
      <alignment vertical="center"/>
    </xf>
    <xf numFmtId="0" fontId="21" fillId="0" borderId="0">
      <alignment horizontal="center"/>
    </xf>
    <xf numFmtId="189" fontId="6" fillId="0" borderId="0" applyFont="0" applyFill="0" applyBorder="0" applyAlignment="0" applyProtection="0">
      <alignment vertical="center"/>
    </xf>
    <xf numFmtId="181" fontId="6" fillId="0" borderId="0" applyFont="0" applyFill="0" applyBorder="0" applyAlignment="0" applyProtection="0">
      <alignment vertical="center"/>
    </xf>
    <xf numFmtId="9" fontId="5" fillId="0" borderId="0" applyFont="0" applyFill="0" applyBorder="0" applyAlignment="0" applyProtection="0">
      <alignment vertical="center"/>
    </xf>
    <xf numFmtId="9" fontId="5" fillId="0" borderId="0" applyFont="0" applyFill="0" applyBorder="0" applyAlignment="0" applyProtection="0">
      <alignment vertical="center"/>
    </xf>
    <xf numFmtId="9" fontId="22" fillId="0" borderId="0" applyFont="0" applyFill="0" applyBorder="0" applyAlignment="0" applyProtection="0">
      <alignment vertical="center"/>
    </xf>
    <xf numFmtId="9" fontId="22" fillId="0" borderId="0" applyFont="0" applyFill="0" applyBorder="0" applyAlignment="0" applyProtection="0">
      <alignment vertical="center"/>
    </xf>
    <xf numFmtId="9" fontId="4" fillId="0" borderId="0" applyFont="0" applyFill="0" applyBorder="0" applyAlignment="0" applyProtection="0">
      <alignment vertical="center"/>
    </xf>
    <xf numFmtId="9" fontId="23" fillId="0" borderId="0" applyFont="0" applyFill="0" applyBorder="0" applyAlignment="0" applyProtection="0">
      <alignment vertical="center"/>
    </xf>
    <xf numFmtId="0" fontId="24" fillId="0" borderId="5">
      <alignment vertical="center"/>
    </xf>
    <xf numFmtId="0" fontId="6" fillId="0" borderId="0"/>
    <xf numFmtId="38" fontId="25" fillId="0" borderId="0" applyFont="0" applyFill="0" applyBorder="0" applyAlignment="0" applyProtection="0">
      <alignment vertical="center"/>
    </xf>
    <xf numFmtId="38" fontId="23" fillId="0" borderId="0" applyFill="0" applyBorder="0" applyAlignment="0" applyProtection="0">
      <alignment vertical="center"/>
    </xf>
    <xf numFmtId="38" fontId="25" fillId="0" borderId="0" applyFont="0" applyFill="0" applyBorder="0" applyAlignment="0" applyProtection="0">
      <alignment vertical="center"/>
    </xf>
    <xf numFmtId="38" fontId="23" fillId="0" borderId="0" applyFont="0" applyFill="0" applyBorder="0" applyAlignment="0" applyProtection="0">
      <alignment vertical="center"/>
    </xf>
    <xf numFmtId="38" fontId="2" fillId="0" borderId="0" applyFont="0" applyFill="0" applyBorder="0" applyAlignment="0" applyProtection="0">
      <alignment vertical="center"/>
    </xf>
    <xf numFmtId="38" fontId="25" fillId="0" borderId="0" applyFont="0" applyFill="0" applyBorder="0" applyAlignment="0" applyProtection="0">
      <alignment vertical="center"/>
    </xf>
    <xf numFmtId="38" fontId="22" fillId="0" borderId="0" applyFont="0" applyFill="0" applyBorder="0" applyAlignment="0" applyProtection="0">
      <alignment vertical="center"/>
    </xf>
    <xf numFmtId="38" fontId="22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>
      <alignment vertical="center"/>
    </xf>
    <xf numFmtId="38" fontId="5" fillId="0" borderId="0" applyFont="0" applyFill="0" applyBorder="0" applyAlignment="0" applyProtection="0">
      <alignment vertical="center"/>
    </xf>
    <xf numFmtId="38" fontId="22" fillId="0" borderId="0" applyFont="0" applyFill="0" applyBorder="0" applyAlignment="0" applyProtection="0">
      <alignment vertical="center"/>
    </xf>
    <xf numFmtId="38" fontId="22" fillId="0" borderId="0" applyFont="0" applyFill="0" applyBorder="0" applyAlignment="0" applyProtection="0">
      <alignment vertical="center"/>
    </xf>
    <xf numFmtId="0" fontId="26" fillId="0" borderId="0" applyFill="0" applyBorder="0" applyAlignment="0" applyProtection="0">
      <alignment vertical="center"/>
    </xf>
    <xf numFmtId="0" fontId="26" fillId="0" borderId="0" applyFill="0" applyBorder="0" applyAlignment="0" applyProtection="0">
      <alignment vertical="center"/>
    </xf>
    <xf numFmtId="38" fontId="22" fillId="0" borderId="0" applyFont="0" applyFill="0" applyBorder="0" applyAlignment="0" applyProtection="0">
      <alignment vertical="center"/>
    </xf>
    <xf numFmtId="38" fontId="22" fillId="0" borderId="0" applyFont="0" applyFill="0" applyBorder="0" applyAlignment="0" applyProtection="0">
      <alignment vertical="center"/>
    </xf>
    <xf numFmtId="40" fontId="27" fillId="0" borderId="0" applyFont="0" applyFill="0" applyAlignment="0" applyProtection="0">
      <alignment vertical="center"/>
    </xf>
    <xf numFmtId="38" fontId="5" fillId="0" borderId="0" applyFont="0" applyFill="0" applyBorder="0" applyAlignment="0" applyProtection="0">
      <alignment vertical="center"/>
    </xf>
    <xf numFmtId="0" fontId="23" fillId="0" borderId="0"/>
    <xf numFmtId="0" fontId="5" fillId="0" borderId="0"/>
    <xf numFmtId="0" fontId="5" fillId="0" borderId="0">
      <alignment vertical="center"/>
    </xf>
    <xf numFmtId="0" fontId="2" fillId="0" borderId="0"/>
    <xf numFmtId="0" fontId="2" fillId="0" borderId="0"/>
    <xf numFmtId="0" fontId="25" fillId="0" borderId="0">
      <alignment vertical="center"/>
    </xf>
    <xf numFmtId="0" fontId="2" fillId="0" borderId="0"/>
    <xf numFmtId="0" fontId="25" fillId="0" borderId="0">
      <alignment vertical="center"/>
    </xf>
    <xf numFmtId="0" fontId="5" fillId="0" borderId="0">
      <alignment vertical="center"/>
    </xf>
    <xf numFmtId="0" fontId="26" fillId="0" borderId="0"/>
    <xf numFmtId="0" fontId="5" fillId="0" borderId="0"/>
    <xf numFmtId="0" fontId="25" fillId="0" borderId="0">
      <alignment vertical="center"/>
    </xf>
    <xf numFmtId="0" fontId="25" fillId="0" borderId="0">
      <alignment vertical="center"/>
    </xf>
    <xf numFmtId="0" fontId="25" fillId="0" borderId="0">
      <alignment vertical="center"/>
    </xf>
    <xf numFmtId="0" fontId="25" fillId="0" borderId="0">
      <alignment vertical="center"/>
    </xf>
    <xf numFmtId="0" fontId="5" fillId="0" borderId="0"/>
    <xf numFmtId="0" fontId="5" fillId="0" borderId="0">
      <alignment vertical="center"/>
    </xf>
    <xf numFmtId="0" fontId="2" fillId="0" borderId="0"/>
    <xf numFmtId="0" fontId="5" fillId="0" borderId="0"/>
    <xf numFmtId="0" fontId="5" fillId="0" borderId="0">
      <alignment vertical="center"/>
    </xf>
    <xf numFmtId="0" fontId="1" fillId="0" borderId="0" applyFont="0" applyFill="0" applyBorder="0" applyAlignment="0" applyProtection="0">
      <alignment vertical="center"/>
    </xf>
    <xf numFmtId="0" fontId="1" fillId="0" borderId="0" applyFont="0" applyFill="0" applyBorder="0" applyAlignment="0" applyProtection="0">
      <alignment vertical="center"/>
    </xf>
    <xf numFmtId="190" fontId="23" fillId="0" borderId="0" applyFont="0" applyFill="0" applyBorder="0" applyAlignment="0" applyProtection="0">
      <alignment vertical="center"/>
    </xf>
    <xf numFmtId="6" fontId="23" fillId="0" borderId="0" applyFont="0" applyFill="0" applyBorder="0" applyAlignment="0" applyProtection="0">
      <alignment vertical="center"/>
    </xf>
    <xf numFmtId="191" fontId="28" fillId="0" borderId="0" applyFill="0" applyBorder="0" applyProtection="0"/>
    <xf numFmtId="192" fontId="4" fillId="0" borderId="0" applyFont="0" applyFill="0" applyBorder="0" applyAlignment="0" applyProtection="0">
      <alignment vertical="center"/>
    </xf>
    <xf numFmtId="193" fontId="4" fillId="0" borderId="0" applyFont="0" applyFill="0" applyBorder="0" applyAlignment="0" applyProtection="0">
      <alignment vertical="center"/>
    </xf>
    <xf numFmtId="0" fontId="29" fillId="0" borderId="0"/>
    <xf numFmtId="41" fontId="1" fillId="0" borderId="0" applyFont="0" applyFill="0" applyBorder="0" applyAlignment="0" applyProtection="0">
      <alignment vertical="center"/>
    </xf>
    <xf numFmtId="4" fontId="29" fillId="0" borderId="0" applyFont="0" applyFill="0" applyBorder="0" applyAlignment="0" applyProtection="0">
      <alignment vertical="center"/>
    </xf>
    <xf numFmtId="0" fontId="26" fillId="0" borderId="0" applyFill="0" applyBorder="0" applyAlignment="0" applyProtection="0">
      <alignment vertical="center"/>
    </xf>
  </cellStyleXfs>
  <cellXfs count="246">
    <xf numFmtId="0" fontId="0" fillId="0" borderId="0" xfId="0">
      <alignment vertical="center"/>
    </xf>
    <xf numFmtId="0" fontId="23" fillId="0" borderId="0" xfId="123" applyFont="1">
      <alignment vertical="center"/>
    </xf>
    <xf numFmtId="0" fontId="31" fillId="0" borderId="0" xfId="123" applyFont="1" applyAlignment="1">
      <alignment horizontal="right" vertical="center"/>
    </xf>
    <xf numFmtId="0" fontId="31" fillId="0" borderId="0" xfId="123" applyFont="1" applyAlignment="1">
      <alignment horizontal="center" vertical="center" shrinkToFit="1"/>
    </xf>
    <xf numFmtId="0" fontId="32" fillId="0" borderId="6" xfId="123" applyFont="1" applyBorder="1">
      <alignment vertical="center"/>
    </xf>
    <xf numFmtId="0" fontId="33" fillId="0" borderId="7" xfId="123" applyFont="1" applyBorder="1">
      <alignment vertical="center"/>
    </xf>
    <xf numFmtId="194" fontId="34" fillId="0" borderId="8" xfId="124" applyNumberFormat="1" applyFont="1" applyBorder="1" applyAlignment="1">
      <alignment horizontal="left" vertical="center" wrapText="1"/>
    </xf>
    <xf numFmtId="0" fontId="35" fillId="0" borderId="9" xfId="123" applyFont="1" applyBorder="1" applyAlignment="1">
      <alignment horizontal="center" vertical="center"/>
    </xf>
    <xf numFmtId="0" fontId="23" fillId="0" borderId="10" xfId="123" applyFont="1" applyBorder="1" applyAlignment="1">
      <alignment vertical="center"/>
    </xf>
    <xf numFmtId="0" fontId="31" fillId="0" borderId="0" xfId="123" applyFont="1" applyAlignment="1">
      <alignment horizontal="center" vertical="center"/>
    </xf>
    <xf numFmtId="0" fontId="32" fillId="0" borderId="11" xfId="123" applyFont="1" applyBorder="1">
      <alignment vertical="center"/>
    </xf>
    <xf numFmtId="0" fontId="33" fillId="0" borderId="12" xfId="123" applyFont="1" applyBorder="1">
      <alignment vertical="center"/>
    </xf>
    <xf numFmtId="194" fontId="34" fillId="0" borderId="0" xfId="124" applyNumberFormat="1" applyFont="1" applyBorder="1" applyAlignment="1">
      <alignment horizontal="left" vertical="center" wrapText="1"/>
    </xf>
    <xf numFmtId="0" fontId="35" fillId="0" borderId="13" xfId="123" applyFont="1" applyBorder="1" applyAlignment="1">
      <alignment horizontal="center" vertical="center"/>
    </xf>
    <xf numFmtId="0" fontId="23" fillId="0" borderId="14" xfId="123" applyFont="1" applyBorder="1" applyAlignment="1">
      <alignment vertical="center"/>
    </xf>
    <xf numFmtId="0" fontId="31" fillId="0" borderId="0" xfId="123" applyFont="1">
      <alignment vertical="center"/>
    </xf>
    <xf numFmtId="0" fontId="32" fillId="0" borderId="11" xfId="123" applyFont="1" applyBorder="1" applyAlignment="1">
      <alignment horizontal="center" vertical="center"/>
    </xf>
    <xf numFmtId="0" fontId="33" fillId="0" borderId="15" xfId="123" applyFont="1" applyBorder="1">
      <alignment vertical="center"/>
    </xf>
    <xf numFmtId="0" fontId="35" fillId="0" borderId="16" xfId="123" applyFont="1" applyBorder="1" applyAlignment="1">
      <alignment horizontal="center" vertical="center"/>
    </xf>
    <xf numFmtId="0" fontId="23" fillId="0" borderId="17" xfId="123" applyFont="1" applyBorder="1" applyAlignment="1">
      <alignment vertical="center"/>
    </xf>
    <xf numFmtId="0" fontId="36" fillId="0" borderId="0" xfId="123" applyFont="1">
      <alignment vertical="center"/>
    </xf>
    <xf numFmtId="0" fontId="37" fillId="0" borderId="18" xfId="123" applyFont="1" applyBorder="1" applyAlignment="1">
      <alignment horizontal="center" vertical="center"/>
    </xf>
    <xf numFmtId="0" fontId="38" fillId="0" borderId="19" xfId="126" applyFont="1" applyBorder="1" applyAlignment="1">
      <alignment horizontal="center" vertical="center"/>
    </xf>
    <xf numFmtId="0" fontId="23" fillId="0" borderId="20" xfId="123" applyFont="1" applyBorder="1">
      <alignment vertical="center"/>
    </xf>
    <xf numFmtId="0" fontId="23" fillId="0" borderId="21" xfId="123" applyFont="1" applyBorder="1">
      <alignment vertical="center"/>
    </xf>
    <xf numFmtId="0" fontId="39" fillId="0" borderId="20" xfId="123" applyFont="1" applyBorder="1" applyAlignment="1">
      <alignment horizontal="center" vertical="center"/>
    </xf>
    <xf numFmtId="0" fontId="40" fillId="0" borderId="21" xfId="123" applyFont="1" applyBorder="1">
      <alignment vertical="center"/>
    </xf>
    <xf numFmtId="0" fontId="40" fillId="0" borderId="21" xfId="124" applyFont="1" applyBorder="1" applyAlignment="1">
      <alignment vertical="center"/>
    </xf>
    <xf numFmtId="0" fontId="40" fillId="0" borderId="22" xfId="124" applyFont="1" applyBorder="1" applyAlignment="1">
      <alignment vertical="center"/>
    </xf>
    <xf numFmtId="0" fontId="23" fillId="0" borderId="3" xfId="123" applyFont="1" applyBorder="1" applyAlignment="1">
      <alignment horizontal="center" vertical="center"/>
    </xf>
    <xf numFmtId="0" fontId="23" fillId="0" borderId="23" xfId="123" applyFont="1" applyBorder="1" applyAlignment="1">
      <alignment horizontal="center" vertical="center"/>
    </xf>
    <xf numFmtId="0" fontId="23" fillId="0" borderId="24" xfId="123" applyFont="1" applyBorder="1" applyAlignment="1">
      <alignment horizontal="center" vertical="center"/>
    </xf>
    <xf numFmtId="0" fontId="23" fillId="0" borderId="25" xfId="123" applyFont="1" applyBorder="1" applyAlignment="1">
      <alignment horizontal="center" vertical="center"/>
    </xf>
    <xf numFmtId="0" fontId="23" fillId="0" borderId="26" xfId="123" applyFont="1" applyBorder="1" applyAlignment="1">
      <alignment horizontal="center" vertical="center"/>
    </xf>
    <xf numFmtId="0" fontId="38" fillId="0" borderId="27" xfId="126" applyFont="1" applyBorder="1" applyAlignment="1">
      <alignment horizontal="center" vertical="center"/>
    </xf>
    <xf numFmtId="0" fontId="38" fillId="0" borderId="28" xfId="126" applyFont="1" applyBorder="1" applyAlignment="1">
      <alignment horizontal="center" vertical="center"/>
    </xf>
    <xf numFmtId="0" fontId="31" fillId="0" borderId="29" xfId="123" applyFont="1" applyBorder="1">
      <alignment vertical="center"/>
    </xf>
    <xf numFmtId="0" fontId="23" fillId="0" borderId="11" xfId="123" applyFont="1" applyBorder="1">
      <alignment vertical="center"/>
    </xf>
    <xf numFmtId="0" fontId="23" fillId="0" borderId="12" xfId="123" applyFont="1" applyBorder="1">
      <alignment vertical="center"/>
    </xf>
    <xf numFmtId="0" fontId="0" fillId="0" borderId="0" xfId="0">
      <alignment vertical="center"/>
    </xf>
    <xf numFmtId="0" fontId="39" fillId="0" borderId="12" xfId="123" applyFont="1" applyBorder="1" applyAlignment="1">
      <alignment horizontal="center" vertical="center"/>
    </xf>
    <xf numFmtId="0" fontId="40" fillId="0" borderId="0" xfId="123" applyFont="1" applyBorder="1">
      <alignment vertical="center"/>
    </xf>
    <xf numFmtId="0" fontId="40" fillId="0" borderId="0" xfId="124" applyFont="1" applyBorder="1" applyAlignment="1">
      <alignment vertical="center"/>
    </xf>
    <xf numFmtId="0" fontId="40" fillId="0" borderId="13" xfId="124" applyFont="1" applyBorder="1" applyAlignment="1">
      <alignment vertical="center"/>
    </xf>
    <xf numFmtId="0" fontId="23" fillId="0" borderId="30" xfId="123" applyFont="1" applyBorder="1">
      <alignment vertical="center"/>
    </xf>
    <xf numFmtId="0" fontId="23" fillId="0" borderId="23" xfId="123" applyFont="1" applyBorder="1">
      <alignment vertical="center"/>
    </xf>
    <xf numFmtId="0" fontId="23" fillId="0" borderId="31" xfId="123" applyFont="1" applyBorder="1" applyAlignment="1">
      <alignment horizontal="center" vertical="center"/>
    </xf>
    <xf numFmtId="0" fontId="23" fillId="0" borderId="12" xfId="123" applyFont="1" applyBorder="1" applyAlignment="1">
      <alignment vertical="center" wrapText="1"/>
    </xf>
    <xf numFmtId="0" fontId="23" fillId="0" borderId="4" xfId="123" applyFont="1" applyBorder="1" applyAlignment="1">
      <alignment vertical="center" wrapText="1"/>
    </xf>
    <xf numFmtId="0" fontId="41" fillId="0" borderId="3" xfId="123" applyFont="1" applyBorder="1" applyAlignment="1">
      <alignment horizontal="center" vertical="center"/>
    </xf>
    <xf numFmtId="0" fontId="23" fillId="0" borderId="3" xfId="123" applyFont="1" applyBorder="1">
      <alignment vertical="center"/>
    </xf>
    <xf numFmtId="0" fontId="23" fillId="0" borderId="2" xfId="123" applyFont="1" applyBorder="1">
      <alignment vertical="center"/>
    </xf>
    <xf numFmtId="0" fontId="23" fillId="0" borderId="11" xfId="123" applyFont="1" applyBorder="1" applyAlignment="1">
      <alignment horizontal="center" vertical="center"/>
    </xf>
    <xf numFmtId="0" fontId="23" fillId="0" borderId="32" xfId="123" applyFont="1" applyBorder="1">
      <alignment vertical="center"/>
    </xf>
    <xf numFmtId="0" fontId="23" fillId="0" borderId="33" xfId="123" applyFont="1" applyBorder="1">
      <alignment vertical="center"/>
    </xf>
    <xf numFmtId="0" fontId="23" fillId="0" borderId="34" xfId="123" applyFont="1" applyBorder="1">
      <alignment vertical="center"/>
    </xf>
    <xf numFmtId="0" fontId="39" fillId="0" borderId="33" xfId="123" applyFont="1" applyBorder="1" applyAlignment="1">
      <alignment horizontal="center" vertical="center"/>
    </xf>
    <xf numFmtId="0" fontId="40" fillId="0" borderId="34" xfId="123" applyFont="1" applyBorder="1">
      <alignment vertical="center"/>
    </xf>
    <xf numFmtId="0" fontId="40" fillId="0" borderId="34" xfId="124" applyFont="1" applyBorder="1" applyAlignment="1">
      <alignment vertical="center"/>
    </xf>
    <xf numFmtId="0" fontId="40" fillId="0" borderId="16" xfId="124" applyFont="1" applyBorder="1" applyAlignment="1">
      <alignment vertical="center"/>
    </xf>
    <xf numFmtId="0" fontId="23" fillId="0" borderId="35" xfId="123" applyFont="1" applyBorder="1">
      <alignment vertical="center"/>
    </xf>
    <xf numFmtId="0" fontId="23" fillId="0" borderId="36" xfId="123" applyFont="1" applyBorder="1">
      <alignment vertical="center"/>
    </xf>
    <xf numFmtId="0" fontId="23" fillId="0" borderId="32" xfId="123" applyFont="1" applyBorder="1" applyAlignment="1">
      <alignment horizontal="center" vertical="center"/>
    </xf>
    <xf numFmtId="0" fontId="23" fillId="0" borderId="33" xfId="123" applyFont="1" applyBorder="1" applyAlignment="1">
      <alignment vertical="center" wrapText="1"/>
    </xf>
    <xf numFmtId="0" fontId="23" fillId="0" borderId="37" xfId="123" applyFont="1" applyBorder="1" applyAlignment="1">
      <alignment vertical="center" wrapText="1"/>
    </xf>
    <xf numFmtId="0" fontId="42" fillId="0" borderId="0" xfId="122" applyFont="1" applyAlignment="1">
      <alignment vertical="center"/>
    </xf>
    <xf numFmtId="195" fontId="42" fillId="0" borderId="0" xfId="122" applyNumberFormat="1" applyFont="1" applyAlignment="1">
      <alignment horizontal="right" vertical="center"/>
    </xf>
    <xf numFmtId="0" fontId="42" fillId="0" borderId="0" xfId="122" applyFont="1" applyAlignment="1">
      <alignment horizontal="center" vertical="center"/>
    </xf>
    <xf numFmtId="3" fontId="42" fillId="0" borderId="0" xfId="122" applyNumberFormat="1" applyFont="1" applyFill="1" applyAlignment="1">
      <alignment horizontal="right" vertical="center"/>
    </xf>
    <xf numFmtId="38" fontId="42" fillId="0" borderId="0" xfId="96" applyFont="1" applyAlignment="1">
      <alignment horizontal="center" vertical="center"/>
    </xf>
    <xf numFmtId="38" fontId="42" fillId="0" borderId="0" xfId="96" applyFont="1" applyFill="1" applyAlignment="1">
      <alignment vertical="center"/>
    </xf>
    <xf numFmtId="0" fontId="42" fillId="0" borderId="20" xfId="122" applyFont="1" applyBorder="1" applyAlignment="1">
      <alignment vertical="center"/>
    </xf>
    <xf numFmtId="0" fontId="42" fillId="0" borderId="30" xfId="122" applyFont="1" applyBorder="1" applyAlignment="1">
      <alignment horizontal="center" vertical="center" justifyLastLine="1"/>
    </xf>
    <xf numFmtId="0" fontId="42" fillId="0" borderId="20" xfId="122" applyFont="1" applyBorder="1" applyAlignment="1">
      <alignment horizontal="left" vertical="center"/>
    </xf>
    <xf numFmtId="0" fontId="42" fillId="0" borderId="22" xfId="122" applyFont="1" applyBorder="1" applyAlignment="1">
      <alignment vertical="center"/>
    </xf>
    <xf numFmtId="0" fontId="42" fillId="0" borderId="20" xfId="122" applyFont="1" applyBorder="1" applyAlignment="1">
      <alignment horizontal="center" vertical="center"/>
    </xf>
    <xf numFmtId="0" fontId="42" fillId="0" borderId="21" xfId="122" applyFont="1" applyBorder="1" applyAlignment="1">
      <alignment vertical="center"/>
    </xf>
    <xf numFmtId="0" fontId="42" fillId="0" borderId="12" xfId="122" applyFont="1" applyBorder="1" applyAlignment="1">
      <alignment vertical="center"/>
    </xf>
    <xf numFmtId="0" fontId="42" fillId="0" borderId="3" xfId="122" applyFont="1" applyBorder="1" applyAlignment="1">
      <alignment horizontal="center" vertical="center" justifyLastLine="1"/>
    </xf>
    <xf numFmtId="9" fontId="42" fillId="0" borderId="21" xfId="122" applyNumberFormat="1" applyFont="1" applyBorder="1" applyAlignment="1">
      <alignment vertical="center"/>
    </xf>
    <xf numFmtId="0" fontId="42" fillId="0" borderId="23" xfId="122" applyFont="1" applyBorder="1" applyAlignment="1">
      <alignment vertical="center"/>
    </xf>
    <xf numFmtId="0" fontId="42" fillId="0" borderId="5" xfId="122" applyFont="1" applyBorder="1" applyAlignment="1">
      <alignment vertical="center" wrapText="1"/>
    </xf>
    <xf numFmtId="195" fontId="42" fillId="0" borderId="12" xfId="122" applyNumberFormat="1" applyFont="1" applyBorder="1" applyAlignment="1">
      <alignment horizontal="right" vertical="center"/>
    </xf>
    <xf numFmtId="195" fontId="42" fillId="0" borderId="3" xfId="122" applyNumberFormat="1" applyFont="1" applyBorder="1" applyAlignment="1">
      <alignment horizontal="center" vertical="center"/>
    </xf>
    <xf numFmtId="195" fontId="42" fillId="0" borderId="23" xfId="96" applyNumberFormat="1" applyFont="1" applyFill="1" applyBorder="1" applyAlignment="1">
      <alignment horizontal="right" vertical="center"/>
    </xf>
    <xf numFmtId="195" fontId="42" fillId="0" borderId="5" xfId="96" applyNumberFormat="1" applyFont="1" applyFill="1" applyBorder="1" applyAlignment="1">
      <alignment horizontal="right" vertical="center"/>
    </xf>
    <xf numFmtId="195" fontId="42" fillId="0" borderId="38" xfId="96" applyNumberFormat="1" applyFont="1" applyFill="1" applyBorder="1" applyAlignment="1">
      <alignment horizontal="right" vertical="center"/>
    </xf>
    <xf numFmtId="0" fontId="42" fillId="0" borderId="12" xfId="122" applyFont="1" applyBorder="1" applyAlignment="1">
      <alignment horizontal="center" vertical="center"/>
    </xf>
    <xf numFmtId="0" fontId="42" fillId="0" borderId="3" xfId="122" applyFont="1" applyBorder="1" applyAlignment="1">
      <alignment horizontal="center" vertical="center"/>
    </xf>
    <xf numFmtId="0" fontId="42" fillId="0" borderId="23" xfId="122" applyFont="1" applyBorder="1" applyAlignment="1">
      <alignment horizontal="center" vertical="center"/>
    </xf>
    <xf numFmtId="0" fontId="42" fillId="0" borderId="5" xfId="122" applyFont="1" applyBorder="1" applyAlignment="1">
      <alignment horizontal="center" vertical="center"/>
    </xf>
    <xf numFmtId="0" fontId="42" fillId="0" borderId="38" xfId="122" applyFont="1" applyBorder="1" applyAlignment="1">
      <alignment horizontal="center" vertical="center"/>
    </xf>
    <xf numFmtId="3" fontId="42" fillId="0" borderId="23" xfId="122" applyNumberFormat="1" applyFont="1" applyBorder="1" applyAlignment="1">
      <alignment horizontal="right" vertical="center"/>
    </xf>
    <xf numFmtId="0" fontId="42" fillId="0" borderId="5" xfId="122" applyFont="1" applyBorder="1" applyAlignment="1">
      <alignment horizontal="right" vertical="center"/>
    </xf>
    <xf numFmtId="0" fontId="42" fillId="0" borderId="23" xfId="122" applyFont="1" applyBorder="1" applyAlignment="1">
      <alignment horizontal="right" vertical="center"/>
    </xf>
    <xf numFmtId="3" fontId="42" fillId="0" borderId="38" xfId="122" applyNumberFormat="1" applyFont="1" applyBorder="1" applyAlignment="1">
      <alignment horizontal="right" vertical="center"/>
    </xf>
    <xf numFmtId="3" fontId="42" fillId="0" borderId="23" xfId="122" applyNumberFormat="1" applyFont="1" applyBorder="1" applyAlignment="1">
      <alignment vertical="center"/>
    </xf>
    <xf numFmtId="3" fontId="42" fillId="0" borderId="12" xfId="122" applyNumberFormat="1" applyFont="1" applyBorder="1" applyAlignment="1">
      <alignment horizontal="left" vertical="center"/>
    </xf>
    <xf numFmtId="0" fontId="42" fillId="0" borderId="3" xfId="122" applyFont="1" applyBorder="1" applyAlignment="1">
      <alignment horizontal="distributed" vertical="center" justifyLastLine="1"/>
    </xf>
    <xf numFmtId="3" fontId="42" fillId="0" borderId="5" xfId="122" applyNumberFormat="1" applyFont="1" applyBorder="1" applyAlignment="1">
      <alignment vertical="center"/>
    </xf>
    <xf numFmtId="3" fontId="42" fillId="0" borderId="38" xfId="122" applyNumberFormat="1" applyFont="1" applyBorder="1" applyAlignment="1">
      <alignment vertical="center"/>
    </xf>
    <xf numFmtId="3" fontId="42" fillId="0" borderId="12" xfId="122" applyNumberFormat="1" applyFont="1" applyBorder="1" applyAlignment="1">
      <alignment horizontal="right" vertical="center"/>
    </xf>
    <xf numFmtId="3" fontId="42" fillId="0" borderId="20" xfId="122" applyNumberFormat="1" applyFont="1" applyBorder="1" applyAlignment="1">
      <alignment vertical="center" wrapText="1"/>
    </xf>
    <xf numFmtId="3" fontId="42" fillId="0" borderId="22" xfId="122" applyNumberFormat="1" applyFont="1" applyBorder="1" applyAlignment="1">
      <alignment vertical="center" wrapText="1"/>
    </xf>
    <xf numFmtId="3" fontId="42" fillId="0" borderId="21" xfId="122" applyNumberFormat="1" applyFont="1" applyBorder="1" applyAlignment="1">
      <alignment vertical="center" wrapText="1"/>
    </xf>
    <xf numFmtId="3" fontId="42" fillId="0" borderId="20" xfId="122" applyNumberFormat="1" applyFont="1" applyBorder="1" applyAlignment="1">
      <alignment horizontal="left" vertical="center" wrapText="1"/>
    </xf>
    <xf numFmtId="3" fontId="42" fillId="0" borderId="13" xfId="122" applyNumberFormat="1" applyFont="1" applyBorder="1" applyAlignment="1">
      <alignment vertical="center"/>
    </xf>
    <xf numFmtId="3" fontId="42" fillId="0" borderId="22" xfId="122" applyNumberFormat="1" applyFont="1" applyBorder="1" applyAlignment="1">
      <alignment horizontal="left" vertical="center" wrapText="1"/>
    </xf>
    <xf numFmtId="3" fontId="42" fillId="0" borderId="21" xfId="122" applyNumberFormat="1" applyFont="1" applyBorder="1" applyAlignment="1">
      <alignment horizontal="left" vertical="center" wrapText="1"/>
    </xf>
    <xf numFmtId="3" fontId="42" fillId="0" borderId="0" xfId="122" applyNumberFormat="1" applyFont="1" applyBorder="1" applyAlignment="1">
      <alignment horizontal="left" vertical="center" wrapText="1"/>
    </xf>
    <xf numFmtId="3" fontId="42" fillId="0" borderId="12" xfId="122" applyNumberFormat="1" applyFont="1" applyBorder="1" applyAlignment="1">
      <alignment vertical="center"/>
    </xf>
    <xf numFmtId="3" fontId="43" fillId="0" borderId="13" xfId="122" applyNumberFormat="1" applyFont="1" applyBorder="1" applyAlignment="1">
      <alignment vertical="center"/>
    </xf>
    <xf numFmtId="3" fontId="43" fillId="0" borderId="12" xfId="122" applyNumberFormat="1" applyFont="1" applyBorder="1" applyAlignment="1">
      <alignment vertical="center"/>
    </xf>
    <xf numFmtId="0" fontId="42" fillId="0" borderId="15" xfId="122" applyFont="1" applyBorder="1" applyAlignment="1">
      <alignment vertical="center"/>
    </xf>
    <xf numFmtId="0" fontId="42" fillId="0" borderId="39" xfId="122" applyFont="1" applyBorder="1" applyAlignment="1">
      <alignment horizontal="center" vertical="center" justifyLastLine="1"/>
    </xf>
    <xf numFmtId="3" fontId="42" fillId="0" borderId="15" xfId="122" applyNumberFormat="1" applyFont="1" applyBorder="1" applyAlignment="1">
      <alignment vertical="center" wrapText="1"/>
    </xf>
    <xf numFmtId="3" fontId="42" fillId="0" borderId="40" xfId="122" applyNumberFormat="1" applyFont="1" applyBorder="1" applyAlignment="1">
      <alignment vertical="center" wrapText="1"/>
    </xf>
    <xf numFmtId="3" fontId="42" fillId="0" borderId="29" xfId="122" applyNumberFormat="1" applyFont="1" applyBorder="1" applyAlignment="1">
      <alignment vertical="center" wrapText="1"/>
    </xf>
    <xf numFmtId="3" fontId="42" fillId="0" borderId="29" xfId="122" applyNumberFormat="1" applyFont="1" applyBorder="1" applyAlignment="1">
      <alignment horizontal="left" vertical="center" wrapText="1"/>
    </xf>
    <xf numFmtId="3" fontId="42" fillId="0" borderId="40" xfId="122" applyNumberFormat="1" applyFont="1" applyBorder="1" applyAlignment="1">
      <alignment horizontal="left" vertical="center" wrapText="1"/>
    </xf>
    <xf numFmtId="3" fontId="42" fillId="0" borderId="15" xfId="122" applyNumberFormat="1" applyFont="1" applyBorder="1" applyAlignment="1">
      <alignment horizontal="left" vertical="center" wrapText="1"/>
    </xf>
    <xf numFmtId="3" fontId="42" fillId="0" borderId="15" xfId="122" applyNumberFormat="1" applyFont="1" applyBorder="1" applyAlignment="1">
      <alignment vertical="center"/>
    </xf>
    <xf numFmtId="3" fontId="42" fillId="0" borderId="40" xfId="122" applyNumberFormat="1" applyFont="1" applyBorder="1" applyAlignment="1">
      <alignment vertical="center"/>
    </xf>
    <xf numFmtId="196" fontId="42" fillId="0" borderId="29" xfId="122" applyNumberFormat="1" applyFont="1" applyBorder="1" applyAlignment="1">
      <alignment horizontal="left" vertical="center"/>
    </xf>
    <xf numFmtId="196" fontId="42" fillId="0" borderId="15" xfId="122" applyNumberFormat="1" applyFont="1" applyBorder="1" applyAlignment="1">
      <alignment horizontal="left" vertical="center"/>
    </xf>
    <xf numFmtId="196" fontId="42" fillId="0" borderId="40" xfId="122" applyNumberFormat="1" applyFont="1" applyBorder="1" applyAlignment="1">
      <alignment horizontal="left" vertical="center"/>
    </xf>
    <xf numFmtId="0" fontId="42" fillId="0" borderId="0" xfId="122" applyFont="1" applyBorder="1" applyAlignment="1">
      <alignment horizontal="center" vertical="center"/>
    </xf>
    <xf numFmtId="0" fontId="42" fillId="0" borderId="0" xfId="122" applyFont="1" applyBorder="1" applyAlignment="1">
      <alignment vertical="center"/>
    </xf>
    <xf numFmtId="0" fontId="26" fillId="0" borderId="20" xfId="0" applyFont="1" applyBorder="1" applyAlignment="1">
      <alignment vertical="center" shrinkToFit="1"/>
    </xf>
    <xf numFmtId="0" fontId="42" fillId="0" borderId="22" xfId="122" applyFont="1" applyBorder="1" applyAlignment="1">
      <alignment horizontal="center" vertical="center"/>
    </xf>
    <xf numFmtId="0" fontId="42" fillId="0" borderId="23" xfId="122" applyFont="1" applyBorder="1" applyAlignment="1">
      <alignment vertical="center" wrapText="1"/>
    </xf>
    <xf numFmtId="3" fontId="42" fillId="0" borderId="12" xfId="122" applyNumberFormat="1" applyFont="1" applyBorder="1" applyAlignment="1">
      <alignment horizontal="left" vertical="center" wrapText="1"/>
    </xf>
    <xf numFmtId="3" fontId="42" fillId="0" borderId="13" xfId="122" applyNumberFormat="1" applyFont="1" applyBorder="1" applyAlignment="1">
      <alignment horizontal="left" vertical="center" wrapText="1"/>
    </xf>
    <xf numFmtId="3" fontId="42" fillId="0" borderId="0" xfId="122" applyNumberFormat="1" applyFont="1" applyBorder="1" applyAlignment="1">
      <alignment vertical="center"/>
    </xf>
    <xf numFmtId="3" fontId="43" fillId="0" borderId="0" xfId="122" applyNumberFormat="1" applyFont="1" applyBorder="1" applyAlignment="1">
      <alignment vertical="center"/>
    </xf>
    <xf numFmtId="3" fontId="42" fillId="0" borderId="29" xfId="122" applyNumberFormat="1" applyFont="1" applyBorder="1" applyAlignment="1">
      <alignment vertical="center"/>
    </xf>
    <xf numFmtId="197" fontId="42" fillId="0" borderId="0" xfId="122" applyNumberFormat="1" applyFont="1" applyFill="1" applyAlignment="1">
      <alignment vertical="center"/>
    </xf>
    <xf numFmtId="0" fontId="42" fillId="0" borderId="22" xfId="122" applyFont="1" applyFill="1" applyBorder="1" applyAlignment="1">
      <alignment horizontal="left" vertical="center"/>
    </xf>
    <xf numFmtId="0" fontId="42" fillId="0" borderId="22" xfId="122" applyFont="1" applyFill="1" applyBorder="1" applyAlignment="1">
      <alignment horizontal="right" vertical="center"/>
    </xf>
    <xf numFmtId="0" fontId="42" fillId="0" borderId="21" xfId="122" applyFont="1" applyFill="1" applyBorder="1" applyAlignment="1">
      <alignment horizontal="left" vertical="center"/>
    </xf>
    <xf numFmtId="0" fontId="42" fillId="0" borderId="5" xfId="122" applyFont="1" applyFill="1" applyBorder="1" applyAlignment="1">
      <alignment horizontal="left" vertical="center"/>
    </xf>
    <xf numFmtId="0" fontId="42" fillId="0" borderId="5" xfId="122" applyFont="1" applyFill="1" applyBorder="1" applyAlignment="1">
      <alignment vertical="center"/>
    </xf>
    <xf numFmtId="38" fontId="42" fillId="0" borderId="23" xfId="106" applyFont="1" applyFill="1" applyBorder="1" applyAlignment="1">
      <alignment vertical="center"/>
    </xf>
    <xf numFmtId="38" fontId="42" fillId="0" borderId="5" xfId="106" applyFont="1" applyFill="1" applyBorder="1" applyAlignment="1">
      <alignment vertical="center" wrapText="1" shrinkToFit="1"/>
    </xf>
    <xf numFmtId="38" fontId="42" fillId="0" borderId="20" xfId="106" applyFont="1" applyFill="1" applyBorder="1" applyAlignment="1">
      <alignment horizontal="left" vertical="center" wrapText="1"/>
    </xf>
    <xf numFmtId="38" fontId="42" fillId="0" borderId="5" xfId="106" applyFont="1" applyFill="1" applyBorder="1" applyAlignment="1">
      <alignment vertical="center"/>
    </xf>
    <xf numFmtId="38" fontId="42" fillId="0" borderId="38" xfId="106" applyFont="1" applyFill="1" applyBorder="1" applyAlignment="1">
      <alignment vertical="center"/>
    </xf>
    <xf numFmtId="38" fontId="42" fillId="0" borderId="22" xfId="106" applyFont="1" applyFill="1" applyBorder="1" applyAlignment="1">
      <alignment vertical="center"/>
    </xf>
    <xf numFmtId="38" fontId="42" fillId="0" borderId="23" xfId="106" applyFont="1" applyFill="1" applyBorder="1" applyAlignment="1">
      <alignment horizontal="left" vertical="center"/>
    </xf>
    <xf numFmtId="38" fontId="42" fillId="0" borderId="21" xfId="106" applyFont="1" applyFill="1" applyBorder="1" applyAlignment="1">
      <alignment vertical="center"/>
    </xf>
    <xf numFmtId="0" fontId="42" fillId="0" borderId="23" xfId="122" applyFont="1" applyFill="1" applyBorder="1" applyAlignment="1">
      <alignment vertical="center" wrapText="1" shrinkToFit="1"/>
    </xf>
    <xf numFmtId="38" fontId="42" fillId="0" borderId="5" xfId="106" applyFont="1" applyFill="1" applyBorder="1" applyAlignment="1">
      <alignment vertical="center" shrinkToFit="1"/>
    </xf>
    <xf numFmtId="38" fontId="42" fillId="0" borderId="23" xfId="106" applyFont="1" applyFill="1" applyBorder="1" applyAlignment="1">
      <alignment horizontal="left" vertical="center" wrapText="1" shrinkToFit="1"/>
    </xf>
    <xf numFmtId="38" fontId="42" fillId="0" borderId="23" xfId="106" applyFont="1" applyFill="1" applyBorder="1" applyAlignment="1">
      <alignment horizontal="center" vertical="center" wrapText="1" shrinkToFit="1"/>
    </xf>
    <xf numFmtId="38" fontId="42" fillId="0" borderId="23" xfId="106" applyFont="1" applyFill="1" applyBorder="1" applyAlignment="1">
      <alignment vertical="center" wrapText="1" shrinkToFit="1"/>
    </xf>
    <xf numFmtId="38" fontId="42" fillId="0" borderId="38" xfId="106" applyFont="1" applyFill="1" applyBorder="1" applyAlignment="1">
      <alignment vertical="center" wrapText="1" shrinkToFit="1"/>
    </xf>
    <xf numFmtId="38" fontId="42" fillId="0" borderId="5" xfId="106" applyFont="1" applyFill="1" applyBorder="1" applyAlignment="1">
      <alignment horizontal="center" vertical="center" wrapText="1" shrinkToFit="1"/>
    </xf>
    <xf numFmtId="0" fontId="42" fillId="0" borderId="38" xfId="122" applyFont="1" applyFill="1" applyBorder="1" applyAlignment="1">
      <alignment vertical="center" wrapText="1"/>
    </xf>
    <xf numFmtId="0" fontId="42" fillId="0" borderId="23" xfId="122" applyFont="1" applyFill="1" applyBorder="1" applyAlignment="1">
      <alignment horizontal="left" vertical="center"/>
    </xf>
    <xf numFmtId="38" fontId="42" fillId="0" borderId="5" xfId="106" applyFont="1" applyFill="1" applyBorder="1" applyAlignment="1">
      <alignment horizontal="center" vertical="center"/>
    </xf>
    <xf numFmtId="38" fontId="42" fillId="0" borderId="5" xfId="106" applyFont="1" applyFill="1" applyBorder="1" applyAlignment="1">
      <alignment horizontal="right" vertical="center"/>
    </xf>
    <xf numFmtId="38" fontId="42" fillId="0" borderId="23" xfId="106" applyFont="1" applyFill="1" applyBorder="1" applyAlignment="1">
      <alignment horizontal="right" vertical="center"/>
    </xf>
    <xf numFmtId="38" fontId="42" fillId="0" borderId="38" xfId="106" applyFont="1" applyFill="1" applyBorder="1" applyAlignment="1">
      <alignment horizontal="right" vertical="center"/>
    </xf>
    <xf numFmtId="0" fontId="42" fillId="0" borderId="20" xfId="122" applyFont="1" applyFill="1" applyBorder="1" applyAlignment="1">
      <alignment horizontal="center" vertical="center" shrinkToFit="1"/>
    </xf>
    <xf numFmtId="0" fontId="42" fillId="0" borderId="20" xfId="122" applyFont="1" applyFill="1" applyBorder="1" applyAlignment="1">
      <alignment horizontal="left" vertical="center" shrinkToFit="1"/>
    </xf>
    <xf numFmtId="0" fontId="41" fillId="0" borderId="23" xfId="122" applyFont="1" applyFill="1" applyBorder="1" applyAlignment="1">
      <alignment vertical="center" wrapText="1"/>
    </xf>
    <xf numFmtId="0" fontId="42" fillId="0" borderId="5" xfId="122" applyFont="1" applyFill="1" applyBorder="1" applyAlignment="1">
      <alignment horizontal="center" vertical="center" wrapText="1"/>
    </xf>
    <xf numFmtId="0" fontId="42" fillId="0" borderId="38" xfId="122" applyFont="1" applyFill="1" applyBorder="1" applyAlignment="1">
      <alignment horizontal="center" vertical="center" wrapText="1"/>
    </xf>
    <xf numFmtId="38" fontId="41" fillId="0" borderId="23" xfId="106" applyFont="1" applyFill="1" applyBorder="1" applyAlignment="1">
      <alignment vertical="center"/>
    </xf>
    <xf numFmtId="0" fontId="42" fillId="0" borderId="23" xfId="122" applyFont="1" applyFill="1" applyBorder="1" applyAlignment="1">
      <alignment horizontal="left" vertical="center" wrapText="1"/>
    </xf>
    <xf numFmtId="0" fontId="42" fillId="0" borderId="5" xfId="122" applyFont="1" applyFill="1" applyBorder="1" applyAlignment="1">
      <alignment horizontal="left" vertical="center" wrapText="1"/>
    </xf>
    <xf numFmtId="0" fontId="42" fillId="0" borderId="23" xfId="122" applyFont="1" applyFill="1" applyBorder="1" applyAlignment="1">
      <alignment horizontal="center" vertical="center" wrapText="1"/>
    </xf>
    <xf numFmtId="38" fontId="42" fillId="0" borderId="38" xfId="106" applyFont="1" applyFill="1" applyBorder="1" applyAlignment="1">
      <alignment horizontal="left" vertical="center" wrapText="1" shrinkToFit="1"/>
    </xf>
    <xf numFmtId="0" fontId="41" fillId="0" borderId="5" xfId="122" applyFont="1" applyFill="1" applyBorder="1" applyAlignment="1">
      <alignment vertical="center" wrapText="1"/>
    </xf>
    <xf numFmtId="0" fontId="44" fillId="0" borderId="5" xfId="122" applyFont="1" applyFill="1" applyBorder="1" applyAlignment="1">
      <alignment vertical="center" wrapText="1"/>
    </xf>
    <xf numFmtId="0" fontId="41" fillId="0" borderId="20" xfId="122" applyFont="1" applyFill="1" applyBorder="1" applyAlignment="1">
      <alignment horizontal="left" vertical="center"/>
    </xf>
    <xf numFmtId="38" fontId="42" fillId="0" borderId="5" xfId="106" applyFont="1" applyFill="1" applyBorder="1" applyAlignment="1">
      <alignment horizontal="left" vertical="center" wrapText="1" shrinkToFit="1"/>
    </xf>
    <xf numFmtId="0" fontId="42" fillId="0" borderId="22" xfId="122" applyFont="1" applyFill="1" applyBorder="1" applyAlignment="1">
      <alignment vertical="center" wrapText="1"/>
    </xf>
    <xf numFmtId="0" fontId="42" fillId="0" borderId="23" xfId="137" applyFont="1" applyFill="1" applyBorder="1" applyAlignment="1">
      <alignment vertical="center" shrinkToFit="1"/>
    </xf>
    <xf numFmtId="0" fontId="42" fillId="0" borderId="5" xfId="137" applyFont="1" applyFill="1" applyBorder="1" applyAlignment="1">
      <alignment vertical="center" shrinkToFit="1"/>
    </xf>
    <xf numFmtId="0" fontId="42" fillId="0" borderId="38" xfId="137" applyFont="1" applyFill="1" applyBorder="1" applyAlignment="1">
      <alignment vertical="center" shrinkToFit="1"/>
    </xf>
    <xf numFmtId="40" fontId="42" fillId="0" borderId="23" xfId="137" applyNumberFormat="1" applyFont="1" applyFill="1" applyBorder="1" applyAlignment="1">
      <alignment vertical="center" shrinkToFit="1"/>
    </xf>
    <xf numFmtId="38" fontId="42" fillId="0" borderId="38" xfId="106" applyFont="1" applyFill="1" applyBorder="1" applyAlignment="1">
      <alignment horizontal="center" vertical="center" wrapText="1" shrinkToFit="1"/>
    </xf>
    <xf numFmtId="0" fontId="42" fillId="0" borderId="38" xfId="122" applyFont="1" applyFill="1" applyBorder="1" applyAlignment="1">
      <alignment vertical="center"/>
    </xf>
    <xf numFmtId="0" fontId="42" fillId="0" borderId="38" xfId="122" applyFont="1" applyFill="1" applyBorder="1" applyAlignment="1">
      <alignment horizontal="left" vertical="center"/>
    </xf>
    <xf numFmtId="0" fontId="42" fillId="0" borderId="21" xfId="122" applyFont="1" applyFill="1" applyBorder="1" applyAlignment="1">
      <alignment vertical="center" wrapText="1"/>
    </xf>
    <xf numFmtId="0" fontId="42" fillId="0" borderId="0" xfId="0" applyFont="1" applyFill="1" applyAlignment="1">
      <alignment vertical="center" shrinkToFit="1"/>
    </xf>
    <xf numFmtId="0" fontId="26" fillId="0" borderId="0" xfId="0" applyFont="1" applyFill="1" applyAlignment="1">
      <alignment vertical="center" shrinkToFit="1"/>
    </xf>
    <xf numFmtId="38" fontId="41" fillId="0" borderId="23" xfId="106" applyFont="1" applyFill="1" applyBorder="1" applyAlignment="1">
      <alignment vertical="center" wrapText="1" shrinkToFit="1"/>
    </xf>
    <xf numFmtId="0" fontId="0" fillId="0" borderId="5" xfId="0" applyFont="1" applyFill="1" applyBorder="1" applyAlignment="1">
      <alignment vertical="center" wrapText="1"/>
    </xf>
    <xf numFmtId="0" fontId="41" fillId="0" borderId="23" xfId="115" applyFont="1" applyFill="1" applyBorder="1" applyAlignment="1">
      <alignment horizontal="left" vertical="center" wrapText="1"/>
    </xf>
    <xf numFmtId="0" fontId="0" fillId="0" borderId="5" xfId="0" applyFont="1" applyFill="1" applyBorder="1" applyAlignment="1">
      <alignment horizontal="left" vertical="center" wrapText="1"/>
    </xf>
    <xf numFmtId="0" fontId="44" fillId="0" borderId="23" xfId="115" applyFont="1" applyFill="1" applyBorder="1" applyAlignment="1">
      <alignment vertical="center" wrapText="1"/>
    </xf>
    <xf numFmtId="0" fontId="45" fillId="0" borderId="5" xfId="0" applyFont="1" applyFill="1" applyBorder="1" applyAlignment="1">
      <alignment vertical="center" wrapText="1"/>
    </xf>
    <xf numFmtId="0" fontId="44" fillId="0" borderId="38" xfId="122" applyFont="1" applyFill="1" applyBorder="1" applyAlignment="1">
      <alignment vertical="center" wrapText="1"/>
    </xf>
    <xf numFmtId="38" fontId="42" fillId="0" borderId="23" xfId="106" applyFont="1" applyFill="1" applyBorder="1" applyAlignment="1">
      <alignment vertical="center" wrapText="1"/>
    </xf>
    <xf numFmtId="38" fontId="42" fillId="0" borderId="5" xfId="106" applyFont="1" applyFill="1" applyBorder="1" applyAlignment="1">
      <alignment vertical="center" wrapText="1"/>
    </xf>
    <xf numFmtId="38" fontId="42" fillId="0" borderId="23" xfId="106" applyFont="1" applyFill="1" applyBorder="1" applyAlignment="1">
      <alignment vertical="center" shrinkToFit="1"/>
    </xf>
    <xf numFmtId="0" fontId="41" fillId="0" borderId="5" xfId="122" applyFont="1" applyFill="1" applyBorder="1" applyAlignment="1">
      <alignment horizontal="left" vertical="center" wrapText="1"/>
    </xf>
    <xf numFmtId="0" fontId="42" fillId="0" borderId="20" xfId="122" applyFont="1" applyFill="1" applyBorder="1" applyAlignment="1">
      <alignment vertical="center" wrapText="1"/>
    </xf>
    <xf numFmtId="0" fontId="42" fillId="0" borderId="5" xfId="122" applyFont="1" applyFill="1" applyBorder="1" applyAlignment="1">
      <alignment horizontal="left" vertical="center" shrinkToFit="1"/>
    </xf>
    <xf numFmtId="2" fontId="42" fillId="0" borderId="23" xfId="137" applyNumberFormat="1" applyFont="1" applyFill="1" applyBorder="1" applyAlignment="1">
      <alignment horizontal="right" vertical="center"/>
    </xf>
    <xf numFmtId="2" fontId="42" fillId="0" borderId="23" xfId="137" applyNumberFormat="1" applyFont="1" applyFill="1" applyBorder="1" applyAlignment="1">
      <alignment horizontal="center" vertical="center"/>
    </xf>
    <xf numFmtId="198" fontId="42" fillId="0" borderId="5" xfId="122" applyNumberFormat="1" applyFont="1" applyFill="1" applyBorder="1" applyAlignment="1">
      <alignment vertical="center" wrapText="1"/>
    </xf>
    <xf numFmtId="196" fontId="42" fillId="0" borderId="5" xfId="122" applyNumberFormat="1" applyFont="1" applyFill="1" applyBorder="1" applyAlignment="1">
      <alignment horizontal="center" vertical="center"/>
    </xf>
    <xf numFmtId="196" fontId="42" fillId="0" borderId="38" xfId="122" applyNumberFormat="1" applyFont="1" applyFill="1" applyBorder="1" applyAlignment="1">
      <alignment horizontal="center" vertical="center"/>
    </xf>
    <xf numFmtId="0" fontId="42" fillId="0" borderId="38" xfId="122" applyFont="1" applyFill="1" applyBorder="1" applyAlignment="1">
      <alignment horizontal="right" vertical="center"/>
    </xf>
    <xf numFmtId="197" fontId="42" fillId="0" borderId="0" xfId="122" applyNumberFormat="1" applyFont="1" applyFill="1" applyAlignment="1">
      <alignment horizontal="center" vertical="center"/>
    </xf>
    <xf numFmtId="197" fontId="42" fillId="0" borderId="12" xfId="122" applyNumberFormat="1" applyFont="1" applyFill="1" applyBorder="1" applyAlignment="1">
      <alignment vertical="center"/>
    </xf>
    <xf numFmtId="197" fontId="42" fillId="0" borderId="3" xfId="122" applyNumberFormat="1" applyFont="1" applyFill="1" applyBorder="1" applyAlignment="1">
      <alignment horizontal="center" vertical="center"/>
    </xf>
    <xf numFmtId="197" fontId="42" fillId="0" borderId="23" xfId="122" applyNumberFormat="1" applyFont="1" applyFill="1" applyBorder="1" applyAlignment="1">
      <alignment horizontal="right" vertical="center"/>
    </xf>
    <xf numFmtId="197" fontId="42" fillId="0" borderId="5" xfId="122" applyNumberFormat="1" applyFont="1" applyFill="1" applyBorder="1" applyAlignment="1">
      <alignment horizontal="right" vertical="center"/>
    </xf>
    <xf numFmtId="197" fontId="42" fillId="0" borderId="23" xfId="122" applyNumberFormat="1" applyFont="1" applyFill="1" applyBorder="1" applyAlignment="1">
      <alignment horizontal="center" vertical="center"/>
    </xf>
    <xf numFmtId="197" fontId="42" fillId="0" borderId="5" xfId="122" applyNumberFormat="1" applyFont="1" applyFill="1" applyBorder="1" applyAlignment="1">
      <alignment horizontal="center" vertical="center"/>
    </xf>
    <xf numFmtId="197" fontId="42" fillId="0" borderId="23" xfId="122" applyNumberFormat="1" applyFont="1" applyFill="1" applyBorder="1" applyAlignment="1">
      <alignment vertical="center"/>
    </xf>
    <xf numFmtId="197" fontId="42" fillId="0" borderId="38" xfId="122" applyNumberFormat="1" applyFont="1" applyFill="1" applyBorder="1" applyAlignment="1">
      <alignment horizontal="center" vertical="center"/>
    </xf>
    <xf numFmtId="197" fontId="42" fillId="0" borderId="38" xfId="122" applyNumberFormat="1" applyFont="1" applyFill="1" applyBorder="1" applyAlignment="1">
      <alignment horizontal="right" vertical="center"/>
    </xf>
    <xf numFmtId="197" fontId="42" fillId="0" borderId="38" xfId="122" applyNumberFormat="1" applyFont="1" applyFill="1" applyBorder="1" applyAlignment="1">
      <alignment vertical="center"/>
    </xf>
    <xf numFmtId="197" fontId="42" fillId="0" borderId="5" xfId="96" applyNumberFormat="1" applyFont="1" applyFill="1" applyBorder="1" applyAlignment="1">
      <alignment vertical="center"/>
    </xf>
    <xf numFmtId="199" fontId="42" fillId="0" borderId="5" xfId="96" applyNumberFormat="1" applyFont="1" applyFill="1" applyBorder="1" applyAlignment="1">
      <alignment vertical="center"/>
    </xf>
    <xf numFmtId="3" fontId="46" fillId="0" borderId="23" xfId="122" applyNumberFormat="1" applyFont="1" applyFill="1" applyBorder="1" applyAlignment="1">
      <alignment vertical="center"/>
    </xf>
    <xf numFmtId="3" fontId="42" fillId="0" borderId="5" xfId="122" applyNumberFormat="1" applyFont="1" applyFill="1" applyBorder="1" applyAlignment="1">
      <alignment vertical="center" wrapText="1"/>
    </xf>
    <xf numFmtId="3" fontId="42" fillId="0" borderId="20" xfId="122" applyNumberFormat="1" applyFont="1" applyFill="1" applyBorder="1" applyAlignment="1">
      <alignment horizontal="left" vertical="center"/>
    </xf>
    <xf numFmtId="3" fontId="42" fillId="0" borderId="22" xfId="122" applyNumberFormat="1" applyFont="1" applyFill="1" applyBorder="1" applyAlignment="1">
      <alignment vertical="center" shrinkToFit="1"/>
    </xf>
    <xf numFmtId="3" fontId="42" fillId="0" borderId="21" xfId="122" applyNumberFormat="1" applyFont="1" applyFill="1" applyBorder="1" applyAlignment="1">
      <alignment horizontal="left" vertical="center"/>
    </xf>
    <xf numFmtId="3" fontId="42" fillId="0" borderId="22" xfId="122" applyNumberFormat="1" applyFont="1" applyFill="1" applyBorder="1" applyAlignment="1">
      <alignment vertical="center"/>
    </xf>
    <xf numFmtId="3" fontId="47" fillId="0" borderId="20" xfId="122" applyNumberFormat="1" applyFont="1" applyFill="1" applyBorder="1" applyAlignment="1">
      <alignment horizontal="left" vertical="center"/>
    </xf>
    <xf numFmtId="3" fontId="47" fillId="0" borderId="22" xfId="122" applyNumberFormat="1" applyFont="1" applyFill="1" applyBorder="1" applyAlignment="1">
      <alignment vertical="center" shrinkToFit="1"/>
    </xf>
    <xf numFmtId="3" fontId="42" fillId="0" borderId="22" xfId="122" applyNumberFormat="1" applyFont="1" applyFill="1" applyBorder="1" applyAlignment="1">
      <alignment horizontal="left" vertical="center"/>
    </xf>
    <xf numFmtId="4" fontId="42" fillId="0" borderId="12" xfId="122" applyNumberFormat="1" applyFont="1" applyFill="1" applyBorder="1" applyAlignment="1">
      <alignment vertical="center"/>
    </xf>
    <xf numFmtId="3" fontId="42" fillId="0" borderId="20" xfId="122" applyNumberFormat="1" applyFont="1" applyFill="1" applyBorder="1" applyAlignment="1">
      <alignment vertical="center"/>
    </xf>
    <xf numFmtId="200" fontId="42" fillId="0" borderId="12" xfId="122" applyNumberFormat="1" applyFont="1" applyFill="1" applyBorder="1" applyAlignment="1">
      <alignment vertical="center"/>
    </xf>
    <xf numFmtId="200" fontId="42" fillId="0" borderId="0" xfId="122" applyNumberFormat="1" applyFont="1" applyFill="1" applyBorder="1" applyAlignment="1">
      <alignment vertical="center"/>
    </xf>
    <xf numFmtId="3" fontId="42" fillId="0" borderId="21" xfId="122" applyNumberFormat="1" applyFont="1" applyFill="1" applyBorder="1" applyAlignment="1">
      <alignment vertical="center"/>
    </xf>
    <xf numFmtId="4" fontId="42" fillId="0" borderId="13" xfId="122" applyNumberFormat="1" applyFont="1" applyFill="1" applyBorder="1" applyAlignment="1">
      <alignment vertical="center"/>
    </xf>
    <xf numFmtId="3" fontId="42" fillId="0" borderId="12" xfId="122" applyNumberFormat="1" applyFont="1" applyFill="1" applyBorder="1" applyAlignment="1">
      <alignment horizontal="center" vertical="center"/>
    </xf>
    <xf numFmtId="0" fontId="0" fillId="0" borderId="15" xfId="0" applyFont="1" applyFill="1" applyBorder="1" applyAlignment="1">
      <alignment horizontal="left" vertical="center"/>
    </xf>
    <xf numFmtId="0" fontId="0" fillId="0" borderId="40" xfId="0" applyFont="1" applyFill="1" applyBorder="1" applyAlignment="1">
      <alignment vertical="center" shrinkToFit="1"/>
    </xf>
    <xf numFmtId="0" fontId="48" fillId="0" borderId="15" xfId="0" applyFont="1" applyFill="1" applyBorder="1" applyAlignment="1">
      <alignment horizontal="left" vertical="center"/>
    </xf>
    <xf numFmtId="0" fontId="48" fillId="0" borderId="40" xfId="0" applyFont="1" applyFill="1" applyBorder="1" applyAlignment="1">
      <alignment vertical="center" shrinkToFit="1"/>
    </xf>
    <xf numFmtId="196" fontId="42" fillId="0" borderId="40" xfId="122" applyNumberFormat="1" applyFont="1" applyFill="1" applyBorder="1" applyAlignment="1">
      <alignment horizontal="right" vertical="center"/>
    </xf>
    <xf numFmtId="196" fontId="42" fillId="0" borderId="15" xfId="122" applyNumberFormat="1" applyFont="1" applyFill="1" applyBorder="1" applyAlignment="1">
      <alignment horizontal="right" vertical="center"/>
    </xf>
    <xf numFmtId="196" fontId="42" fillId="0" borderId="29" xfId="122" applyNumberFormat="1" applyFont="1" applyFill="1" applyBorder="1" applyAlignment="1">
      <alignment horizontal="right" vertical="center"/>
    </xf>
    <xf numFmtId="38" fontId="42" fillId="0" borderId="40" xfId="96" applyFont="1" applyFill="1" applyBorder="1" applyAlignment="1">
      <alignment vertical="center"/>
    </xf>
    <xf numFmtId="38" fontId="42" fillId="0" borderId="29" xfId="96" applyFont="1" applyFill="1" applyBorder="1" applyAlignment="1">
      <alignment vertical="center"/>
    </xf>
    <xf numFmtId="196" fontId="42" fillId="0" borderId="29" xfId="122" applyNumberFormat="1" applyFont="1" applyFill="1" applyBorder="1" applyAlignment="1">
      <alignment vertical="center"/>
    </xf>
  </cellXfs>
  <cellStyles count="138">
    <cellStyle name="=C:\WINDOWS\SYSTEM32\COMMAND.COM" xfId="1"/>
    <cellStyle name="blank" xfId="2"/>
    <cellStyle name="blank 2" xfId="3"/>
    <cellStyle name="Calc Currency (0)" xfId="4"/>
    <cellStyle name="Calc Currency (2)" xfId="5"/>
    <cellStyle name="Calc Percent (0)" xfId="6"/>
    <cellStyle name="Calc Percent (1)" xfId="7"/>
    <cellStyle name="Calc Percent (2)" xfId="8"/>
    <cellStyle name="Calc Units (0)" xfId="9"/>
    <cellStyle name="Calc Units (1)" xfId="10"/>
    <cellStyle name="Calc Units (2)" xfId="11"/>
    <cellStyle name="Comma  - Style1" xfId="12"/>
    <cellStyle name="Comma  - Style2" xfId="13"/>
    <cellStyle name="Comma  - Style3" xfId="14"/>
    <cellStyle name="Comma  - Style4" xfId="15"/>
    <cellStyle name="Comma  - Style5" xfId="16"/>
    <cellStyle name="Comma  - Style6" xfId="17"/>
    <cellStyle name="Comma  - Style7" xfId="18"/>
    <cellStyle name="Comma  - Style8" xfId="19"/>
    <cellStyle name="Comma [00]" xfId="20"/>
    <cellStyle name="Comma [0]_#6 Temps &amp; Contractors" xfId="21"/>
    <cellStyle name="Comma_#6 Temps &amp; Contractors" xfId="22"/>
    <cellStyle name="Currency [00]" xfId="23"/>
    <cellStyle name="Currency [0]_#6 Temps &amp; Contractors" xfId="24"/>
    <cellStyle name="Currency_#6 Temps &amp; Contractors" xfId="25"/>
    <cellStyle name="Date Short" xfId="26"/>
    <cellStyle name="Enter Currency (0)" xfId="27"/>
    <cellStyle name="Enter Currency (2)" xfId="28"/>
    <cellStyle name="Enter Units (0)" xfId="29"/>
    <cellStyle name="Enter Units (1)" xfId="30"/>
    <cellStyle name="Enter Units (2)" xfId="31"/>
    <cellStyle name="entry" xfId="32"/>
    <cellStyle name="Followed Hyperlink" xfId="33"/>
    <cellStyle name="Grey" xfId="34"/>
    <cellStyle name="Header" xfId="35"/>
    <cellStyle name="Header1" xfId="36"/>
    <cellStyle name="Header2" xfId="37"/>
    <cellStyle name="Hyperlink" xfId="38"/>
    <cellStyle name="Input [yellow]" xfId="39"/>
    <cellStyle name="Link Currency (0)" xfId="40"/>
    <cellStyle name="Link Currency (2)" xfId="41"/>
    <cellStyle name="Link Units (0)" xfId="42"/>
    <cellStyle name="Link Units (1)" xfId="43"/>
    <cellStyle name="Link Units (2)" xfId="44"/>
    <cellStyle name="Normal - Style1" xfId="45"/>
    <cellStyle name="Normal_# 41-Market &amp;Trends" xfId="46"/>
    <cellStyle name="NotApplicable" xfId="47"/>
    <cellStyle name="ParaBirimi [0]_RESULTS" xfId="48"/>
    <cellStyle name="ParaBirimi_RESULTS" xfId="49"/>
    <cellStyle name="Percent (0)" xfId="50"/>
    <cellStyle name="Percent [00]" xfId="51"/>
    <cellStyle name="Percent [0]" xfId="52"/>
    <cellStyle name="Percent [2]" xfId="53"/>
    <cellStyle name="Percent_#6 Temps &amp; Contractors" xfId="54"/>
    <cellStyle name="PrePop Currency (0)" xfId="55"/>
    <cellStyle name="PrePop Currency (2)" xfId="56"/>
    <cellStyle name="PrePop Units (0)" xfId="57"/>
    <cellStyle name="PrePop Units (1)" xfId="58"/>
    <cellStyle name="PrePop Units (2)" xfId="59"/>
    <cellStyle name="price" xfId="60"/>
    <cellStyle name="ProblemFunc" xfId="61"/>
    <cellStyle name="PSChar" xfId="62"/>
    <cellStyle name="PSDate" xfId="63"/>
    <cellStyle name="PSDec" xfId="64"/>
    <cellStyle name="PSHeading" xfId="65"/>
    <cellStyle name="PSInt" xfId="66"/>
    <cellStyle name="PSSpacer" xfId="67"/>
    <cellStyle name="revised" xfId="68"/>
    <cellStyle name="section" xfId="69"/>
    <cellStyle name="subhead" xfId="70"/>
    <cellStyle name="TableBody" xfId="71"/>
    <cellStyle name="Text Indent A" xfId="72"/>
    <cellStyle name="Text Indent B" xfId="73"/>
    <cellStyle name="Text Indent C" xfId="74"/>
    <cellStyle name="TextEntry" xfId="75"/>
    <cellStyle name="title" xfId="76"/>
    <cellStyle name="Virg・ [0]_RESULTS" xfId="77"/>
    <cellStyle name="Virg・_RESULTS" xfId="78"/>
    <cellStyle name="パーセント 2" xfId="79"/>
    <cellStyle name="パーセント 3" xfId="80"/>
    <cellStyle name="パーセント 4" xfId="81"/>
    <cellStyle name="パーセント 4 2" xfId="82"/>
    <cellStyle name="パーセント 5" xfId="83"/>
    <cellStyle name="パーセント 6" xfId="84"/>
    <cellStyle name="丸ゴシ" xfId="85"/>
    <cellStyle name="未定義" xfId="86"/>
    <cellStyle name="桁区切り 10" xfId="87"/>
    <cellStyle name="桁区切り 11" xfId="88"/>
    <cellStyle name="桁区切り 12" xfId="89"/>
    <cellStyle name="桁区切り 13" xfId="90"/>
    <cellStyle name="桁区切り 14" xfId="91"/>
    <cellStyle name="桁区切り 15" xfId="92"/>
    <cellStyle name="桁区切り 2" xfId="93"/>
    <cellStyle name="桁区切り 2 2" xfId="94"/>
    <cellStyle name="桁区切り 2 3" xfId="95"/>
    <cellStyle name="桁区切り 3" xfId="96"/>
    <cellStyle name="桁区切り 3 2" xfId="97"/>
    <cellStyle name="桁区切り 4" xfId="98"/>
    <cellStyle name="桁区切り 5" xfId="99"/>
    <cellStyle name="桁区切り 5 2" xfId="100"/>
    <cellStyle name="桁区切り 6" xfId="101"/>
    <cellStyle name="桁区切り 7" xfId="102"/>
    <cellStyle name="桁区切り 8" xfId="103"/>
    <cellStyle name="桁区切り 9" xfId="104"/>
    <cellStyle name="桁区切り [0.000]" xfId="105"/>
    <cellStyle name="桁区切り_見積内訳書安藤建設（境町清掃センター）" xfId="106"/>
    <cellStyle name="標準" xfId="0" builtinId="0"/>
    <cellStyle name="標準 10" xfId="107"/>
    <cellStyle name="標準 11" xfId="108"/>
    <cellStyle name="標準 2" xfId="109"/>
    <cellStyle name="標準 2 2" xfId="110"/>
    <cellStyle name="標準 2 2 2" xfId="111"/>
    <cellStyle name="標準 2 3" xfId="112"/>
    <cellStyle name="標準 2_10.10.7　内訳書　（最終チェック版)" xfId="113"/>
    <cellStyle name="標準 3" xfId="114"/>
    <cellStyle name="標準 4" xfId="115"/>
    <cellStyle name="標準 5" xfId="116"/>
    <cellStyle name="標準 6" xfId="117"/>
    <cellStyle name="標準 7" xfId="118"/>
    <cellStyle name="標準 8" xfId="119"/>
    <cellStyle name="標準 8 2" xfId="120"/>
    <cellStyle name="標準 9" xfId="121"/>
    <cellStyle name="標準_04年度別事業計画調書他 2" xfId="122"/>
    <cellStyle name="標準_10.10_設計書表紙" xfId="123"/>
    <cellStyle name="標準_表紙" xfId="124"/>
    <cellStyle name="標準_見積内訳書安藤建設（境町清掃センター）" xfId="125"/>
    <cellStyle name="標準_設計書表紙" xfId="126"/>
    <cellStyle name="通浦 [0.00]_laroux" xfId="127"/>
    <cellStyle name="通浦_laroux" xfId="128"/>
    <cellStyle name="通貨 2" xfId="129"/>
    <cellStyle name="通貨 2 2" xfId="130"/>
    <cellStyle name="，付 .0桁" xfId="131"/>
    <cellStyle name="ﾄ褊褂燾・[0]_PERSONAL" xfId="132"/>
    <cellStyle name="ﾄ褊褂燾饑PERSONAL" xfId="133"/>
    <cellStyle name="ﾎ磊隆_PERSONAL" xfId="134"/>
    <cellStyle name="ﾔ竟瑙糺・[0]_PERSONAL" xfId="135"/>
    <cellStyle name="ﾔ竟瑙糺饑PERSONAL" xfId="136"/>
    <cellStyle name="桁区切り" xfId="137" builtinId="6"/>
  </cellStyles>
  <dxfs count="122"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  <dxf>
      <font>
        <color rgb="FF9C0006"/>
      </font>
      <fill>
        <patternFill>
          <bgColor rgb="FFFFC7CE"/>
        </patternFill>
      </fill>
    </dxf>
  </dxfs>
  <tableStyles count="0" defaultTableStyle="TableStyleMedium2" defaultPivotStyle="PivotStyleLight16"/>
  <colors>
    <mruColors>
      <color rgb="FF66FFFF"/>
      <color rgb="FF000000"/>
    </mruColors>
  </colors>
  <extLst>
    <ext xmlns:x14="http://schemas.microsoft.com/office/spreadsheetml/2009/9/main" uri="{EB79DEF2-80B8-43e5-95BD-54CBDDF9020C}">
      <x14:slicerStyles xmlns:r="http://schemas.openxmlformats.org/officeDocument/2006/relationships" xmlns="http://schemas.openxmlformats.org/spreadsheetml/2006/main" xmlns:mc="http://schemas.openxmlformats.org/markup-compatibility/2006" xmlns:x14ac="http://schemas.microsoft.com/office/spreadsheetml/2009/9/ac" xmlns:x14="http://schemas.microsoft.com/office/spreadsheetml/2009/9/main" defaultSlicerStyle="SlicerStyleLight1"/>
    </ext>
    <ext xmlns:x15="http://schemas.microsoft.com/office/spreadsheetml/2010/11/main" uri="{9260A510-F301-46a8-8635-F512D64BE5F5}">
      <x15:timelineStyles xmlns:r="http://schemas.openxmlformats.org/officeDocument/2006/relationships" xmlns="http://schemas.openxmlformats.org/spreadsheetml/2006/main" xmlns:mc="http://schemas.openxmlformats.org/markup-compatibility/2006" xmlns:x14ac="http://schemas.microsoft.com/office/spreadsheetml/2009/9/ac" xmlns:x15="http://schemas.microsoft.com/office/spreadsheetml/2010/11/main" defaultTimelineStyle="TimeSlicerStyleLight1"/>
    </ext>
  </extLst>
</styleSheet>
</file>

<file path=xl/_rels/workbook.xml.rels><?xml version="1.0" encoding="UTF-8"?><Relationships xmlns="http://schemas.openxmlformats.org/package/2006/relationships"><Relationship Id="rId1" Type="http://schemas.openxmlformats.org/officeDocument/2006/relationships/worksheet" Target="worksheets/sheet1.xml" /><Relationship Id="rId2" Type="http://schemas.openxmlformats.org/officeDocument/2006/relationships/worksheet" Target="worksheets/sheet2.xml" /><Relationship Id="rId3" Type="http://schemas.openxmlformats.org/officeDocument/2006/relationships/worksheet" Target="worksheets/sheet3.xml" /><Relationship Id="rId4" Type="http://schemas.openxmlformats.org/officeDocument/2006/relationships/worksheet" Target="worksheets/sheet4.xml" /><Relationship Id="rId5" Type="http://schemas.openxmlformats.org/officeDocument/2006/relationships/externalLink" Target="externalLinks/externalLink1.xml" /><Relationship Id="rId6" Type="http://schemas.openxmlformats.org/officeDocument/2006/relationships/externalLink" Target="externalLinks/externalLink2.xml" /><Relationship Id="rId7" Type="http://schemas.openxmlformats.org/officeDocument/2006/relationships/externalLink" Target="externalLinks/externalLink3.xml" /><Relationship Id="rId8" Type="http://schemas.openxmlformats.org/officeDocument/2006/relationships/externalLink" Target="externalLinks/externalLink4.xml" /><Relationship Id="rId9" Type="http://schemas.openxmlformats.org/officeDocument/2006/relationships/externalLink" Target="externalLinks/externalLink5.xml" /><Relationship Id="rId10" Type="http://schemas.openxmlformats.org/officeDocument/2006/relationships/externalLink" Target="externalLinks/externalLink6.xml" /><Relationship Id="rId11" Type="http://schemas.openxmlformats.org/officeDocument/2006/relationships/externalLink" Target="externalLinks/externalLink7.xml" /><Relationship Id="rId12" Type="http://schemas.openxmlformats.org/officeDocument/2006/relationships/externalLink" Target="externalLinks/externalLink8.xml" /><Relationship Id="rId13" Type="http://schemas.openxmlformats.org/officeDocument/2006/relationships/externalLink" Target="externalLinks/externalLink9.xml" /><Relationship Id="rId14" Type="http://schemas.openxmlformats.org/officeDocument/2006/relationships/externalLink" Target="externalLinks/externalLink10.xml" /><Relationship Id="rId15" Type="http://schemas.openxmlformats.org/officeDocument/2006/relationships/externalLink" Target="externalLinks/externalLink11.xml" /><Relationship Id="rId16" Type="http://schemas.openxmlformats.org/officeDocument/2006/relationships/externalLink" Target="externalLinks/externalLink12.xml" /><Relationship Id="rId17" Type="http://schemas.openxmlformats.org/officeDocument/2006/relationships/externalLink" Target="externalLinks/externalLink13.xml" /><Relationship Id="rId18" Type="http://schemas.openxmlformats.org/officeDocument/2006/relationships/externalLink" Target="externalLinks/externalLink14.xml" /><Relationship Id="rId19" Type="http://schemas.openxmlformats.org/officeDocument/2006/relationships/externalLink" Target="externalLinks/externalLink15.xml" /><Relationship Id="rId20" Type="http://schemas.openxmlformats.org/officeDocument/2006/relationships/externalLink" Target="externalLinks/externalLink16.xml" /><Relationship Id="rId21" Type="http://schemas.openxmlformats.org/officeDocument/2006/relationships/externalLink" Target="externalLinks/externalLink17.xml" /><Relationship Id="rId22" Type="http://schemas.openxmlformats.org/officeDocument/2006/relationships/externalLink" Target="externalLinks/externalLink18.xml" /><Relationship Id="rId23" Type="http://schemas.openxmlformats.org/officeDocument/2006/relationships/externalLink" Target="externalLinks/externalLink19.xml" /><Relationship Id="rId24" Type="http://schemas.openxmlformats.org/officeDocument/2006/relationships/externalLink" Target="externalLinks/externalLink20.xml" /><Relationship Id="rId25" Type="http://schemas.openxmlformats.org/officeDocument/2006/relationships/externalLink" Target="externalLinks/externalLink21.xml" /><Relationship Id="rId26" Type="http://schemas.openxmlformats.org/officeDocument/2006/relationships/externalLink" Target="externalLinks/externalLink22.xml" /><Relationship Id="rId27" Type="http://schemas.openxmlformats.org/officeDocument/2006/relationships/externalLink" Target="externalLinks/externalLink23.xml" /><Relationship Id="rId28" Type="http://schemas.openxmlformats.org/officeDocument/2006/relationships/externalLink" Target="externalLinks/externalLink24.xml" /><Relationship Id="rId29" Type="http://schemas.openxmlformats.org/officeDocument/2006/relationships/externalLink" Target="externalLinks/externalLink25.xml" /><Relationship Id="rId30" Type="http://schemas.openxmlformats.org/officeDocument/2006/relationships/externalLink" Target="externalLinks/externalLink26.xml" /><Relationship Id="rId31" Type="http://schemas.openxmlformats.org/officeDocument/2006/relationships/externalLink" Target="externalLinks/externalLink27.xml" /><Relationship Id="rId32" Type="http://schemas.openxmlformats.org/officeDocument/2006/relationships/externalLink" Target="externalLinks/externalLink28.xml" /><Relationship Id="rId33" Type="http://schemas.openxmlformats.org/officeDocument/2006/relationships/theme" Target="theme/theme1.xml" /><Relationship Id="rId34" Type="http://schemas.openxmlformats.org/officeDocument/2006/relationships/sharedStrings" Target="sharedStrings.xml" /><Relationship Id="rId35" Type="http://schemas.openxmlformats.org/officeDocument/2006/relationships/styles" Target="styles.xml" 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 xmlns:xdr="http://schemas.openxmlformats.org/drawingml/2006/spreadsheetDrawing">
      <xdr:col>2</xdr:col>
      <xdr:colOff>857250</xdr:colOff>
      <xdr:row>31</xdr:row>
      <xdr:rowOff>0</xdr:rowOff>
    </xdr:from>
    <xdr:to xmlns:xdr="http://schemas.openxmlformats.org/drawingml/2006/spreadsheetDrawing">
      <xdr:col>3</xdr:col>
      <xdr:colOff>114300</xdr:colOff>
      <xdr:row>31</xdr:row>
      <xdr:rowOff>0</xdr:rowOff>
    </xdr:to>
    <xdr:sp macro="" textlink="">
      <xdr:nvSpPr>
        <xdr:cNvPr id="46082" name="Text Box 1"/>
        <xdr:cNvSpPr txBox="1">
          <a:spLocks noChangeArrowheads="1"/>
        </xdr:cNvSpPr>
      </xdr:nvSpPr>
      <xdr:spPr>
        <a:xfrm>
          <a:off x="4457700" y="6631305"/>
          <a:ext cx="114300" cy="0"/>
        </a:xfrm>
        <a:prstGeom prst="rect">
          <a:avLst/>
        </a:prstGeom>
        <a:noFill/>
        <a:ln>
          <a:noFill/>
        </a:ln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 xmlns:xdr="http://schemas.openxmlformats.org/drawingml/2006/spreadsheetDrawing">
      <xdr:col>2</xdr:col>
      <xdr:colOff>857250</xdr:colOff>
      <xdr:row>33</xdr:row>
      <xdr:rowOff>0</xdr:rowOff>
    </xdr:from>
    <xdr:to xmlns:xdr="http://schemas.openxmlformats.org/drawingml/2006/spreadsheetDrawing">
      <xdr:col>3</xdr:col>
      <xdr:colOff>114300</xdr:colOff>
      <xdr:row>33</xdr:row>
      <xdr:rowOff>0</xdr:rowOff>
    </xdr:to>
    <xdr:sp macro="" textlink="">
      <xdr:nvSpPr>
        <xdr:cNvPr id="2" name="Text Box 1"/>
        <xdr:cNvSpPr txBox="1">
          <a:spLocks noChangeArrowheads="1"/>
        </xdr:cNvSpPr>
      </xdr:nvSpPr>
      <xdr:spPr>
        <a:xfrm>
          <a:off x="4457700" y="6591300"/>
          <a:ext cx="114300" cy="0"/>
        </a:xfrm>
        <a:prstGeom prst="rect">
          <a:avLst/>
        </a:prstGeom>
        <a:noFill/>
        <a:ln>
          <a:noFill/>
        </a:ln>
      </xdr:spPr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 xmlns:xdr="http://schemas.openxmlformats.org/drawingml/2006/spreadsheetDrawing">
      <xdr:col>4</xdr:col>
      <xdr:colOff>857250</xdr:colOff>
      <xdr:row>429</xdr:row>
      <xdr:rowOff>0</xdr:rowOff>
    </xdr:from>
    <xdr:to xmlns:xdr="http://schemas.openxmlformats.org/drawingml/2006/spreadsheetDrawing">
      <xdr:col>5</xdr:col>
      <xdr:colOff>114300</xdr:colOff>
      <xdr:row>429</xdr:row>
      <xdr:rowOff>0</xdr:rowOff>
    </xdr:to>
    <xdr:sp macro="" textlink="">
      <xdr:nvSpPr>
        <xdr:cNvPr id="2129" name="Text Box 1"/>
        <xdr:cNvSpPr txBox="1">
          <a:spLocks noChangeArrowheads="1"/>
        </xdr:cNvSpPr>
      </xdr:nvSpPr>
      <xdr:spPr>
        <a:xfrm>
          <a:off x="6353175" y="91532710"/>
          <a:ext cx="114300" cy="0"/>
        </a:xfrm>
        <a:prstGeom prst="rect">
          <a:avLst/>
        </a:prstGeom>
        <a:noFill/>
        <a:ln>
          <a:noFill/>
        </a:ln>
      </xdr:spPr>
    </xdr:sp>
    <xdr:clientData/>
  </xdr:twoCellAnchor>
</xdr:wsDr>
</file>

<file path=xl/externalLinks/_rels/externalLink1.xml.rels><?xml version="1.0" encoding="UTF-8"?><Relationships xmlns="http://schemas.openxmlformats.org/package/2006/relationships"><Relationship Id="rId1" Type="http://schemas.openxmlformats.org/officeDocument/2006/relationships/externalLinkPath" Target="file:///\\SERVER\Server\&#20849;&#26377;\PC-3&#20849;&#26377;\&#20843;&#21315;&#20195;&#24066;\&#19968;&#35239;&#34920;%20(&#12372;&#12415;&#12539;&#31895;&#22823;&#12372;&#12415;).xls" TargetMode="External" /></Relationships>
</file>

<file path=xl/externalLinks/_rels/externalLink10.xml.rels><?xml version="1.0" encoding="UTF-8"?><Relationships xmlns="http://schemas.openxmlformats.org/package/2006/relationships"><Relationship Id="rId1" Type="http://schemas.openxmlformats.org/officeDocument/2006/relationships/externalLinkPath" Target="file:///\\GATEWAY\Engineer\sato\&#24179;&#38920;\&#25968;&#37327;\&#24179;&#38920;&#27738;&#27700;&#20013;&#32153;&#12509;&#12531;&#12503;&#22580;&#25968;&#37327;&#35336;&#31639;&#26360;.xls" TargetMode="External" /></Relationships>
</file>

<file path=xl/externalLinks/_rels/externalLink11.xml.rels><?xml version="1.0" encoding="UTF-8"?><Relationships xmlns="http://schemas.openxmlformats.org/package/2006/relationships"><Relationship Id="rId1" Type="http://schemas.openxmlformats.org/officeDocument/2006/relationships/externalLinkPath" Target="file:///\\Pc98-aoyagi\e\&#20869;&#35379;&#26360;.XLT" TargetMode="External" /></Relationships>
</file>

<file path=xl/externalLinks/_rels/externalLink12.xml.rels><?xml version="1.0" encoding="UTF-8"?><Relationships xmlns="http://schemas.openxmlformats.org/package/2006/relationships"><Relationship Id="rId1" Type="http://schemas.openxmlformats.org/officeDocument/2006/relationships/externalLinkPath" Target="file:///\\Pc98-aoyagi\e\My%20Documents\&#25480;&#29987;&#29031;&#65297;.XLS" TargetMode="External" /></Relationships>
</file>

<file path=xl/externalLinks/_rels/externalLink13.xml.rels><?xml version="1.0" encoding="UTF-8"?><Relationships xmlns="http://schemas.openxmlformats.org/package/2006/relationships"><Relationship Id="rId1" Type="http://schemas.openxmlformats.org/officeDocument/2006/relationships/externalLinkPath" Target="file:///\\&#22269;&#24235;&#22899;&#23376;\MO\&#23458;&#20808;&#27598;\&#23470;&#23822;&#65288;&#31481;&#30000;&#65289;\H15&#23455;R3\&#35084;&#23455;12-07.xls" TargetMode="External" /></Relationships>
</file>

<file path=xl/externalLinks/_rels/externalLink14.xml.rels><?xml version="1.0" encoding="UTF-8"?><Relationships xmlns="http://schemas.openxmlformats.org/package/2006/relationships"><Relationship Id="rId1" Type="http://schemas.openxmlformats.org/officeDocument/2006/relationships/externalLinkPath" Target="file:///\\10.100.20.21\s1590\&#22269;&#24235;&#22899;&#23376;\MO\&#23458;&#20808;&#27598;\&#23470;&#23822;&#65288;&#31481;&#30000;&#65289;\H15&#23455;R3\&#35084;&#23455;12-07.xls" TargetMode="External" /></Relationships>
</file>

<file path=xl/externalLinks/_rels/externalLink15.xml.rels><?xml version="1.0" encoding="UTF-8"?><Relationships xmlns="http://schemas.openxmlformats.org/package/2006/relationships"><Relationship Id="rId1" Type="http://schemas.openxmlformats.org/officeDocument/2006/relationships/externalLinkPath" Target="file:///H:\&#27973;&#20117;\Work%20Table(&#35373;&#35336;)\&#35373;&#35336;&#26360;\Documents%20and%20Settings\T96E124J\&#12487;&#12473;&#12463;&#12488;&#12483;&#12503;\&#12467;&#12500;&#12540;%20&#65374;%20&#35373;&#35336;&#26360;&#21407;&#26412;2003.xls" TargetMode="External" /></Relationships>
</file>

<file path=xl/externalLinks/_rels/externalLink16.xml.rels><?xml version="1.0" encoding="UTF-8"?><Relationships xmlns="http://schemas.openxmlformats.org/package/2006/relationships"><Relationship Id="rId1" Type="http://schemas.openxmlformats.org/officeDocument/2006/relationships/externalLinkPath" Target="\&#27973;&#20117;\Work%20Table(&#35373;&#35336;)\&#35373;&#35336;&#26360;\Documents%20and%20Settings\T96E124J\&#12487;&#12473;&#12463;&#12488;&#12483;&#12503;\&#12467;&#12500;&#12540;%20&#65374;%20&#35373;&#35336;&#26360;&#21407;&#26412;2003.xls" TargetMode="External" /></Relationships>
</file>

<file path=xl/externalLinks/_rels/externalLink17.xml.rels><?xml version="1.0" encoding="UTF-8"?><Relationships xmlns="http://schemas.openxmlformats.org/package/2006/relationships"><Relationship Id="rId1" Type="http://schemas.openxmlformats.org/officeDocument/2006/relationships/externalLinkPath" Target="file:///H:\Documents%20and%20Settings\taki193\Local%20Settings\Temporary%20Internet%20Files\Content.IE5\SDABGXMV\Documents\&#28381;&#27810;&#35299;&#20307;&#24037;&#20107;&#35373;&#35336;&#65288;&#26481;&#20140;&#24314;&#35373;&#12467;&#12531;&#65289;\&#28381;&#27810;&#25968;&#37327;&#35336;&#31639;&#26360;09.10.20\tetuWorkus\&#35336;&#31639;&#26360;.xls" TargetMode="External" /></Relationships>
</file>

<file path=xl/externalLinks/_rels/externalLink18.xml.rels><?xml version="1.0" encoding="UTF-8"?><Relationships xmlns="http://schemas.openxmlformats.org/package/2006/relationships"><Relationship Id="rId1" Type="http://schemas.openxmlformats.org/officeDocument/2006/relationships/externalLinkPath" Target="file:///\\FFC6158C\&#35336;&#31639;&#26360;.xls" TargetMode="External" /></Relationships>
</file>

<file path=xl/externalLinks/_rels/externalLink19.xml.rels><?xml version="1.0" encoding="UTF-8"?><Relationships xmlns="http://schemas.openxmlformats.org/package/2006/relationships"><Relationship Id="rId1" Type="http://schemas.openxmlformats.org/officeDocument/2006/relationships/externalLinkPath" Target="file:///\\ntsrvt01\tetuWorkus\JEC\&#22826;&#30000;&#12372;&#12415;&#20966;&#29702;&#22580;\&#35519;&#26360;\H7&#38598;&#22645;&#35373;&#20633;&#35299;&#20307;&#35519;&#26360;.xls" TargetMode="External" /></Relationships>
</file>

<file path=xl/externalLinks/_rels/externalLink2.xml.rels><?xml version="1.0" encoding="UTF-8"?><Relationships xmlns="http://schemas.openxmlformats.org/package/2006/relationships"><Relationship Id="rId1" Type="http://schemas.openxmlformats.org/officeDocument/2006/relationships/externalLinkPath" Target="file:///\\Pc98-aoyagi\e\&#35079;&#21512;&#21336;&#20385;1" TargetMode="External" /></Relationships>
</file>

<file path=xl/externalLinks/_rels/externalLink20.xml.rels><?xml version="1.0" encoding="UTF-8"?><Relationships xmlns="http://schemas.openxmlformats.org/package/2006/relationships"><Relationship Id="rId1" Type="http://schemas.openxmlformats.org/officeDocument/2006/relationships/externalLinkPath" Target="file:///I:\&#35336;&#30011;&#31309;&#31639;&#65400;&#65438;&#65433;&#65392;&#65420;&#65439;\04&#65426;&#65437;&#65411;&#35211;&#31309;&#27161;&#28310;\01&#29872;&#22659;&#65381;&#36039;&#28304;&#21270;&#65432;&#65403;&#65394;&#65400;&#65433;\02&#21336;&#20385;&#65421;&#65438;&#65392;&#65405;\02&#65418;&#65394;&#65418;&#65439;&#65392;&#28779;&#26684;&#23376;&#21336;&#20385;\&#65418;&#65394;&#65418;&#65439;&#65392;&#28779;&#26684;&#23376;&#21336;&#20385;&#34920;(&#21427;&#31192;&#29256;).xls" TargetMode="External" /></Relationships>
</file>

<file path=xl/externalLinks/_rels/externalLink21.xml.rels><?xml version="1.0" encoding="UTF-8"?><Relationships xmlns="http://schemas.openxmlformats.org/package/2006/relationships"><Relationship Id="rId1" Type="http://schemas.openxmlformats.org/officeDocument/2006/relationships/externalLinkPath" Target="file:///\\&#22269;&#24235;&#22899;&#23376;\MO\&#23458;&#20808;&#27598;\&#27700;&#20451;&#24066;\&#26705;&#21517;MO\&#27700;&#20451;\H14&#23455;R1\&#35576;03-30.XLS" TargetMode="External" /></Relationships>
</file>

<file path=xl/externalLinks/_rels/externalLink22.xml.rels><?xml version="1.0" encoding="UTF-8"?><Relationships xmlns="http://schemas.openxmlformats.org/package/2006/relationships"><Relationship Id="rId1" Type="http://schemas.openxmlformats.org/officeDocument/2006/relationships/externalLinkPath" Target="file:///\\10.100.20.21\s1590\&#22269;&#24235;&#22899;&#23376;\MO\&#23458;&#20808;&#27598;\&#27700;&#20451;&#24066;\&#26705;&#21517;MO\&#27700;&#20451;\H14&#23455;R1\&#35576;03-30.XLS" TargetMode="External" /></Relationships>
</file>

<file path=xl/externalLinks/_rels/externalLink23.xml.rels><?xml version="1.0" encoding="UTF-8"?><Relationships xmlns="http://schemas.openxmlformats.org/package/2006/relationships"><Relationship Id="rId1" Type="http://schemas.openxmlformats.org/officeDocument/2006/relationships/externalLinkPath" Target="file:///\\Pc98-aoyagi\e\My%20Documents\&#25480;&#29987;&#29031;2.XLS" TargetMode="External" /></Relationships>
</file>

<file path=xl/externalLinks/_rels/externalLink24.xml.rels><?xml version="1.0" encoding="UTF-8"?><Relationships xmlns="http://schemas.openxmlformats.org/package/2006/relationships"><Relationship Id="rId1" Type="http://schemas.openxmlformats.org/officeDocument/2006/relationships/externalLinkPath" Target="file:///A:\&#25480;&#29987;&#29031;2.XLS" TargetMode="External" /></Relationships>
</file>

<file path=xl/externalLinks/_rels/externalLink25.xml.rels><?xml version="1.0" encoding="UTF-8"?><Relationships xmlns="http://schemas.openxmlformats.org/package/2006/relationships"><Relationship Id="rId1" Type="http://schemas.openxmlformats.org/officeDocument/2006/relationships/externalLinkPath" Target="file:///A:\&#25480;&#29987;&#29031;&#65297;.XLS" TargetMode="External" /></Relationships>
</file>

<file path=xl/externalLinks/_rels/externalLink26.xml.rels><?xml version="1.0" encoding="UTF-8"?><Relationships xmlns="http://schemas.openxmlformats.org/package/2006/relationships"><Relationship Id="rId1" Type="http://schemas.openxmlformats.org/officeDocument/2006/relationships/externalLinkPath" Target="file:///\\Sk_nas\sk_pro\Home\&#21476;&#37324;&#35373;&#35336;\&#37202;&#20117;&#26681;&#35199;&#23567;&#23376;&#20379;&#65433;&#65392;&#65425;\&#37202;&#20117;&#26681;&#35199;&#23567;&#12371;&#12393;&#12418;&#65433;&#65392;&#65425;&#20869;&#35379;.xls" TargetMode="External" /></Relationships>
</file>

<file path=xl/externalLinks/_rels/externalLink27.xml.rels><?xml version="1.0" encoding="UTF-8"?><Relationships xmlns="http://schemas.openxmlformats.org/package/2006/relationships"><Relationship Id="rId1" Type="http://schemas.openxmlformats.org/officeDocument/2006/relationships/externalLinkPath" Target="file:///\\ntsrvt01\Home\&#65434;&#65392;&#65427;&#65437;&#65412;&#65438;\&#24029;&#21475;&#22269;&#20307;\&#20869;&#35379;&#65381;&#20195;&#20385;\&#31532;&#19977;&#22238;\&#24237;&#29699;&#20869;&#35379;(&#31532;3&#22238;).xls" TargetMode="External" /></Relationships>
</file>

<file path=xl/externalLinks/_rels/externalLink28.xml.rels><?xml version="1.0" encoding="UTF-8"?><Relationships xmlns="http://schemas.openxmlformats.org/package/2006/relationships"><Relationship Id="rId1" Type="http://schemas.openxmlformats.org/officeDocument/2006/relationships/externalLinkPath" Target="file:///\\Sugawara\c\WINDOWS\TEMP\&#35373;&#20633;&#20869;&#35379;&#26360;.xls" TargetMode="External" /></Relationships>
</file>

<file path=xl/externalLinks/_rels/externalLink3.xml.rels><?xml version="1.0" encoding="UTF-8"?><Relationships xmlns="http://schemas.openxmlformats.org/package/2006/relationships"><Relationship Id="rId1" Type="http://schemas.openxmlformats.org/officeDocument/2006/relationships/externalLinkPath" Target="file:///\\Ayase00p\ap40\&#29289;&#20214;&#65288;22&#26399;&#65289;\&#12354;\&#12450;&#12523;&#12463;&#32156;&#21512;&#35373;&#35336;\0902%20&#21521;&#23798;&#12539;&#30010;&#30000;&#31246;&#21209;&#32626;&#32102;&#25490;&#27700;&#35373;&#20633;&#25913;&#20462;&#65288;&#12450;&#12523;&#12463;&#65306;&#36960;&#34276;&#65289;\&#12304;&#21521;&#23798;&#12305;&#35373;&#20633;&#20316;&#22259;\090430&#12304;&#21521;&#23798;&#35211;&#31309;&#12426;&#12305;\&#12304;&#21442;&#32771;&#12305;&#21521;&#23798;&#31246;&#21209;&#32626;&#32102;&#25490;&#27700;&#35373;&#20633;&#25913;&#20462;&#24037;&#20107;&#65288;&#27231;&#26800;&#35373;&#20633;&#65289;.xls" TargetMode="External" /></Relationships>
</file>

<file path=xl/externalLinks/_rels/externalLink4.xml.rels><?xml version="1.0" encoding="UTF-8"?><Relationships xmlns="http://schemas.openxmlformats.org/package/2006/relationships"><Relationship Id="rId1" Type="http://schemas.openxmlformats.org/officeDocument/2006/relationships/externalLinkPath" Target="\&#28988;&#21364;\SK25\222-13017-SK20&#65288;&#20234;&#21218;&#23822;&#24066;&#65306;&#12354;&#12378;&#12414;&#12473;&#12488;&#12483;&#12463;&#12516;&#12540;&#12489;&#35373;&#35336;&#65289;\&#25104;&#26524;&#21697;\&#35373;&#35336;&#26360;\&#29289;&#20214;&#65288;22&#26399;&#65289;\&#12354;\&#12450;&#12523;&#12463;&#32156;&#21512;&#35373;&#35336;\0902%20&#21521;&#23798;&#12539;&#30010;&#30000;&#31246;&#21209;&#32626;&#32102;&#25490;&#27700;&#35373;&#20633;&#25913;&#20462;&#65288;&#12450;&#12523;&#12463;&#65306;&#36960;&#34276;&#65289;\&#12304;&#21521;&#23798;&#12305;&#35373;&#20633;&#20316;&#22259;\090430&#12304;&#21521;&#23798;&#35211;&#31309;&#12426;&#12305;\&#12304;&#21442;&#32771;&#12305;&#21521;&#23798;&#31246;&#21209;&#32626;&#32102;&#25490;&#27700;&#35373;&#20633;&#25913;&#20462;&#24037;&#20107;&#65288;&#27231;&#26800;&#35373;&#20633;&#65289;.xls" TargetMode="External" /></Relationships>
</file>

<file path=xl/externalLinks/_rels/externalLink5.xml.rels><?xml version="1.0" encoding="UTF-8"?><Relationships xmlns="http://schemas.openxmlformats.org/package/2006/relationships"><Relationship Id="rId1" Type="http://schemas.openxmlformats.org/officeDocument/2006/relationships/externalLinkPath" Target="file:///\\Pc98-aoyagi\e\&#31038;&#23429;&#65423;&#65400;&#65435;.XLS" TargetMode="External" /></Relationships>
</file>

<file path=xl/externalLinks/_rels/externalLink6.xml.rels><?xml version="1.0" encoding="UTF-8"?><Relationships xmlns="http://schemas.openxmlformats.org/package/2006/relationships"><Relationship Id="rId1" Type="http://schemas.openxmlformats.org/officeDocument/2006/relationships/externalLinkPath" Target="file:///Y:\nsc\&#35535;&#35370;&#28246;&#32784;&#38663;&#25913;&#20462;\&#12502;&#12525;&#12450;&#12540;&#26847;\&#25968;&#37327;\&#65420;&#65438;&#65435;&#65393;&#65392;suuryo.xls" TargetMode="External" /></Relationships>
</file>

<file path=xl/externalLinks/_rels/externalLink7.xml.rels><?xml version="1.0" encoding="UTF-8"?><Relationships xmlns="http://schemas.openxmlformats.org/package/2006/relationships"><Relationship Id="rId1" Type="http://schemas.openxmlformats.org/officeDocument/2006/relationships/externalLinkPath" Target="file:///\\172.16.4.171\users\tetuWorkus\&#35336;&#31639;&#26360;.xls" TargetMode="External" /></Relationships>
</file>

<file path=xl/externalLinks/_rels/externalLink8.xml.rels><?xml version="1.0" encoding="UTF-8"?><Relationships xmlns="http://schemas.openxmlformats.org/package/2006/relationships"><Relationship Id="rId1" Type="http://schemas.openxmlformats.org/officeDocument/2006/relationships/externalLinkPath" Target="file:///\\Temoe01s\&#21517;&#21476;&#23627;\&#65320;&#65319;7722\&#65320;&#65319;7715\&#21407;&#20385;&#31649;&#29702;H11&#24180;&#24230;\&#19968;&#23470;&#24066;\&#35519;&#36948;&#38306;&#20418;\&#35519;&#36948;&#20381;&#38972;.xls" TargetMode="External" /></Relationships>
</file>

<file path=xl/externalLinks/_rels/externalLink9.xml.rels><?xml version="1.0" encoding="UTF-8"?><Relationships xmlns="http://schemas.openxmlformats.org/package/2006/relationships"><Relationship Id="rId1" Type="http://schemas.openxmlformats.org/officeDocument/2006/relationships/externalLinkPath" Target="file:///\\ntsrvt01\USERS\TK\&#28988;&#21364;\TJ16\TJ16-703&#65288;&#31070;&#26646;&#30010;&#27738;&#26579;&#22303;&#22732;&#35519;&#26619;&#65289;\41&#24037;&#20107;&#30330;&#27880;&#25104;&#26524;&#21697;\&#31070;&#26646;&#26368;&#32066;&#25104;&#26524;&#21697;\&#35079;&#21512;&#21336;&#20385;.XLS" TargetMode="External" /></Relationships>
</file>

<file path=xl/externalLinks/externalLink1.xml><?xml version="1.0" encoding="utf-8"?>
<externalLink xmlns="http://schemas.openxmlformats.org/spreadsheetml/2006/main">
  <externalBook xmlns:r="http://schemas.openxmlformats.org/officeDocument/2006/relationships" r:id="rId1">
    <sheetNames>
      <sheetName val="ごみ処理"/>
    </sheetNames>
    <sheetDataSet>
      <sheetData sheetId="0"/>
    </sheetDataSet>
  </externalBook>
</externalLink>
</file>

<file path=xl/externalLinks/externalLink10.xml><?xml version="1.0" encoding="utf-8"?>
<externalLink xmlns="http://schemas.openxmlformats.org/spreadsheetml/2006/main">
  <externalBook xmlns:r="http://schemas.openxmlformats.org/officeDocument/2006/relationships" r:id="rId1">
    <sheetNames>
      <sheetName val="1-3,基-均型"/>
      <sheetName val="4.鉄筋ｺ"/>
      <sheetName val="5.増打ｺ"/>
      <sheetName val="6.普型4m未満"/>
      <sheetName val="7.普型4m以上"/>
      <sheetName val="8-9.円,埋型4m未満"/>
      <sheetName val="10-11.無筋ｺ-型"/>
      <sheetName val="雑工"/>
      <sheetName val="支保工"/>
      <sheetName val="総括表"/>
    </sheetNames>
    <sheetDataSet>
      <sheetData sheetId="0">
        <row r="14">
          <cell r="AJ14">
            <v>17.34</v>
          </cell>
        </row>
        <row r="29">
          <cell r="AJ29">
            <v>8.56</v>
          </cell>
        </row>
        <row r="46">
          <cell r="AJ46">
            <v>7.54</v>
          </cell>
        </row>
      </sheetData>
      <sheetData sheetId="1">
        <row r="518">
          <cell r="AJ518">
            <v>618.97800000000018</v>
          </cell>
        </row>
      </sheetData>
      <sheetData sheetId="2">
        <row r="32">
          <cell r="AJ32">
            <v>82.53</v>
          </cell>
        </row>
        <row r="44">
          <cell r="AJ44">
            <v>30.46</v>
          </cell>
        </row>
      </sheetData>
      <sheetData sheetId="3">
        <row r="308">
          <cell r="AJ308">
            <v>345.56</v>
          </cell>
        </row>
      </sheetData>
      <sheetData sheetId="4">
        <row r="103">
          <cell r="AJ103">
            <v>628.08999999999969</v>
          </cell>
        </row>
      </sheetData>
      <sheetData sheetId="5">
        <row r="38">
          <cell r="AJ38">
            <v>7.1599999999999993</v>
          </cell>
        </row>
        <row r="88">
          <cell r="AJ88">
            <v>133.91000000000003</v>
          </cell>
        </row>
      </sheetData>
      <sheetData sheetId="6">
        <row r="79">
          <cell r="AJ79">
            <v>17.459999999999997</v>
          </cell>
        </row>
        <row r="139">
          <cell r="AJ139">
            <v>15.82</v>
          </cell>
        </row>
      </sheetData>
      <sheetData sheetId="7">
        <row r="10">
          <cell r="AJ10">
            <v>2.2999999999999998</v>
          </cell>
        </row>
        <row r="14">
          <cell r="AJ14">
            <v>7.12</v>
          </cell>
        </row>
        <row r="29">
          <cell r="AJ29">
            <v>67</v>
          </cell>
        </row>
        <row r="34">
          <cell r="AJ34">
            <v>2</v>
          </cell>
        </row>
        <row r="39">
          <cell r="AJ39">
            <v>6.8</v>
          </cell>
        </row>
        <row r="293">
          <cell r="AJ293">
            <v>2.1</v>
          </cell>
        </row>
        <row r="301">
          <cell r="AJ301">
            <v>4.2540000000000004</v>
          </cell>
        </row>
      </sheetData>
      <sheetData sheetId="8">
        <row r="370">
          <cell r="AJ370">
            <v>717.69</v>
          </cell>
        </row>
        <row r="448">
          <cell r="AJ448">
            <v>65.960000000000008</v>
          </cell>
        </row>
        <row r="737">
          <cell r="AJ737">
            <v>136.94</v>
          </cell>
        </row>
      </sheetData>
      <sheetData sheetId="9"/>
    </sheetDataSet>
  </externalBook>
</externalLink>
</file>

<file path=xl/externalLinks/externalLink11.xml><?xml version="1.0" encoding="utf-8"?>
<externalLink xmlns="http://schemas.openxmlformats.org/spreadsheetml/2006/main">
  <externalBook xmlns:r="http://schemas.openxmlformats.org/officeDocument/2006/relationships" r:id="rId1">
    <sheetNames>
      <sheetName val="内訳書"/>
      <sheetName val="Sheet1"/>
    </sheetNames>
    <sheetDataSet>
      <sheetData sheetId="0"/>
      <sheetData sheetId="1"/>
    </sheetDataSet>
  </externalBook>
</externalLink>
</file>

<file path=xl/externalLinks/externalLink12.xml><?xml version="1.0" encoding="utf-8"?>
<externalLink xmlns="http://schemas.openxmlformats.org/spreadsheetml/2006/main">
  <externalBook xmlns:r="http://schemas.openxmlformats.org/officeDocument/2006/relationships" r:id="rId1">
    <sheetNames>
      <sheetName val="器具ｺｰﾄﾞ"/>
      <sheetName val="照明率１"/>
      <sheetName val="照明率２"/>
      <sheetName val="授産照１"/>
      <sheetName val="Sheet1"/>
    </sheetNames>
    <sheetDataSet>
      <sheetData sheetId="0"/>
      <sheetData sheetId="1">
        <row r="4">
          <cell r="B4">
            <v>0.28000000000000003</v>
          </cell>
          <cell r="C4">
            <v>0.28000000000000003</v>
          </cell>
          <cell r="D4">
            <v>0.31</v>
          </cell>
          <cell r="E4">
            <v>0.31</v>
          </cell>
          <cell r="F4">
            <v>0.31</v>
          </cell>
          <cell r="G4">
            <v>0.28999999999999998</v>
          </cell>
          <cell r="H4">
            <v>0.28999999999999998</v>
          </cell>
          <cell r="I4">
            <v>0.31</v>
          </cell>
          <cell r="J4">
            <v>0.31</v>
          </cell>
          <cell r="K4">
            <v>0.36</v>
          </cell>
          <cell r="L4">
            <v>0.31</v>
          </cell>
          <cell r="M4">
            <v>0.31</v>
          </cell>
          <cell r="N4">
            <v>0.36</v>
          </cell>
          <cell r="O4">
            <v>0.34</v>
          </cell>
          <cell r="P4">
            <v>0.34</v>
          </cell>
          <cell r="Q4">
            <v>0.24</v>
          </cell>
          <cell r="R4">
            <v>0.3</v>
          </cell>
          <cell r="S4">
            <v>0.22</v>
          </cell>
          <cell r="T4">
            <v>0.31</v>
          </cell>
          <cell r="U4">
            <v>0.25</v>
          </cell>
          <cell r="V4">
            <v>0.27</v>
          </cell>
          <cell r="W4">
            <v>0.27</v>
          </cell>
          <cell r="X4">
            <v>0.23</v>
          </cell>
          <cell r="Y4">
            <v>0.26</v>
          </cell>
          <cell r="Z4">
            <v>0.26</v>
          </cell>
          <cell r="AA4">
            <v>0.23</v>
          </cell>
          <cell r="AB4">
            <v>0.22</v>
          </cell>
          <cell r="AC4">
            <v>0.21</v>
          </cell>
          <cell r="AD4">
            <v>0.34</v>
          </cell>
          <cell r="AE4">
            <v>0.33</v>
          </cell>
          <cell r="AF4">
            <v>0.34</v>
          </cell>
          <cell r="AG4">
            <v>0.34</v>
          </cell>
          <cell r="AH4">
            <v>0.33</v>
          </cell>
          <cell r="AI4">
            <v>0.32</v>
          </cell>
          <cell r="AJ4">
            <v>0.28000000000000003</v>
          </cell>
          <cell r="AK4">
            <v>0.28999999999999998</v>
          </cell>
          <cell r="AL4">
            <v>0.3</v>
          </cell>
          <cell r="AM4">
            <v>0.3</v>
          </cell>
          <cell r="AN4">
            <v>0.2</v>
          </cell>
          <cell r="AO4">
            <v>0.2</v>
          </cell>
          <cell r="AP4">
            <v>0.25</v>
          </cell>
          <cell r="AQ4">
            <v>0.27</v>
          </cell>
          <cell r="AR4">
            <v>0.21</v>
          </cell>
          <cell r="AS4">
            <v>0.21</v>
          </cell>
          <cell r="AT4">
            <v>0.22</v>
          </cell>
          <cell r="AU4">
            <v>0.22</v>
          </cell>
          <cell r="AV4">
            <v>0.22</v>
          </cell>
          <cell r="AW4">
            <v>0.22</v>
          </cell>
          <cell r="AX4">
            <v>0.33</v>
          </cell>
          <cell r="AY4">
            <v>0.33</v>
          </cell>
          <cell r="AZ4">
            <v>0.33</v>
          </cell>
          <cell r="BA4">
            <v>0.33</v>
          </cell>
          <cell r="BB4">
            <v>0.32</v>
          </cell>
          <cell r="BC4">
            <v>0.3</v>
          </cell>
          <cell r="BD4">
            <v>0.3</v>
          </cell>
          <cell r="BE4">
            <v>0.28999999999999998</v>
          </cell>
          <cell r="BF4">
            <v>0.33</v>
          </cell>
          <cell r="BG4">
            <v>0.33</v>
          </cell>
        </row>
        <row r="5">
          <cell r="B5">
            <v>0.35</v>
          </cell>
          <cell r="C5">
            <v>0.35</v>
          </cell>
          <cell r="D5">
            <v>0.39</v>
          </cell>
          <cell r="E5">
            <v>0.39</v>
          </cell>
          <cell r="F5">
            <v>0.39</v>
          </cell>
          <cell r="G5">
            <v>0.36</v>
          </cell>
          <cell r="H5">
            <v>0.36</v>
          </cell>
          <cell r="I5">
            <v>0.4</v>
          </cell>
          <cell r="J5">
            <v>0.4</v>
          </cell>
          <cell r="K5">
            <v>0.46</v>
          </cell>
          <cell r="L5">
            <v>0.4</v>
          </cell>
          <cell r="M5">
            <v>0.4</v>
          </cell>
          <cell r="N5">
            <v>0.46</v>
          </cell>
          <cell r="O5">
            <v>0.42</v>
          </cell>
          <cell r="P5">
            <v>0.41</v>
          </cell>
          <cell r="Q5">
            <v>0.28000000000000003</v>
          </cell>
          <cell r="R5">
            <v>0.35</v>
          </cell>
          <cell r="S5">
            <v>0.28000000000000003</v>
          </cell>
          <cell r="T5">
            <v>0.38</v>
          </cell>
          <cell r="U5">
            <v>0.32</v>
          </cell>
          <cell r="V5">
            <v>0.32</v>
          </cell>
          <cell r="W5">
            <v>0.34</v>
          </cell>
          <cell r="X5">
            <v>0.28000000000000003</v>
          </cell>
          <cell r="Y5">
            <v>0.32</v>
          </cell>
          <cell r="Z5">
            <v>0.33</v>
          </cell>
          <cell r="AA5">
            <v>0.28000000000000003</v>
          </cell>
          <cell r="AB5">
            <v>0.27</v>
          </cell>
          <cell r="AC5">
            <v>0.26</v>
          </cell>
          <cell r="AD5">
            <v>0.41</v>
          </cell>
          <cell r="AE5">
            <v>0.42</v>
          </cell>
          <cell r="AF5">
            <v>0.41</v>
          </cell>
          <cell r="AG5">
            <v>0.4</v>
          </cell>
          <cell r="AH5">
            <v>0.4</v>
          </cell>
          <cell r="AI5">
            <v>0.38</v>
          </cell>
          <cell r="AJ5">
            <v>0.32</v>
          </cell>
          <cell r="AK5">
            <v>0.35</v>
          </cell>
          <cell r="AL5">
            <v>0.38</v>
          </cell>
          <cell r="AM5">
            <v>0.37</v>
          </cell>
          <cell r="AN5">
            <v>0.24</v>
          </cell>
          <cell r="AO5">
            <v>0.25</v>
          </cell>
          <cell r="AP5">
            <v>0.3</v>
          </cell>
          <cell r="AQ5">
            <v>0.32</v>
          </cell>
          <cell r="AR5">
            <v>0.26</v>
          </cell>
          <cell r="AS5">
            <v>0.26</v>
          </cell>
          <cell r="AT5">
            <v>0.26</v>
          </cell>
          <cell r="AU5">
            <v>0.26</v>
          </cell>
          <cell r="AV5">
            <v>0.26</v>
          </cell>
          <cell r="AW5">
            <v>0.26</v>
          </cell>
          <cell r="AX5">
            <v>0.41</v>
          </cell>
          <cell r="AY5">
            <v>0.41</v>
          </cell>
          <cell r="AZ5">
            <v>0.41</v>
          </cell>
          <cell r="BA5">
            <v>0.41</v>
          </cell>
          <cell r="BB5">
            <v>0.39</v>
          </cell>
          <cell r="BC5">
            <v>0.36</v>
          </cell>
          <cell r="BD5">
            <v>0.35</v>
          </cell>
          <cell r="BE5">
            <v>0.34</v>
          </cell>
          <cell r="BF5">
            <v>0.39</v>
          </cell>
          <cell r="BG5">
            <v>0.38</v>
          </cell>
        </row>
        <row r="6">
          <cell r="B6">
            <v>0.4</v>
          </cell>
          <cell r="C6">
            <v>0.4</v>
          </cell>
          <cell r="D6">
            <v>0.44</v>
          </cell>
          <cell r="E6">
            <v>0.44</v>
          </cell>
          <cell r="F6">
            <v>0.44</v>
          </cell>
          <cell r="G6">
            <v>0.41</v>
          </cell>
          <cell r="H6">
            <v>0.41</v>
          </cell>
          <cell r="I6">
            <v>0.44</v>
          </cell>
          <cell r="J6">
            <v>0.44</v>
          </cell>
          <cell r="K6">
            <v>0.52</v>
          </cell>
          <cell r="L6">
            <v>0.44</v>
          </cell>
          <cell r="M6">
            <v>0.44</v>
          </cell>
          <cell r="N6">
            <v>0.52</v>
          </cell>
          <cell r="O6">
            <v>0.48</v>
          </cell>
          <cell r="P6">
            <v>0.48</v>
          </cell>
          <cell r="Q6">
            <v>0.32</v>
          </cell>
          <cell r="R6">
            <v>0.4</v>
          </cell>
          <cell r="S6">
            <v>0.31</v>
          </cell>
          <cell r="T6">
            <v>0.41</v>
          </cell>
          <cell r="U6">
            <v>0.36</v>
          </cell>
          <cell r="V6">
            <v>0.37</v>
          </cell>
          <cell r="W6">
            <v>0.38</v>
          </cell>
          <cell r="X6">
            <v>0.3</v>
          </cell>
          <cell r="Y6">
            <v>0.36</v>
          </cell>
          <cell r="Z6">
            <v>0.37</v>
          </cell>
          <cell r="AA6">
            <v>0.3</v>
          </cell>
          <cell r="AB6">
            <v>0.3</v>
          </cell>
          <cell r="AC6">
            <v>0.28999999999999998</v>
          </cell>
          <cell r="AD6">
            <v>0.46</v>
          </cell>
          <cell r="AE6">
            <v>0.47</v>
          </cell>
          <cell r="AF6">
            <v>0.45</v>
          </cell>
          <cell r="AG6">
            <v>0.44</v>
          </cell>
          <cell r="AH6">
            <v>0.44</v>
          </cell>
          <cell r="AI6">
            <v>0.42</v>
          </cell>
          <cell r="AJ6">
            <v>0.36</v>
          </cell>
          <cell r="AK6">
            <v>0.38</v>
          </cell>
          <cell r="AL6">
            <v>0.42</v>
          </cell>
          <cell r="AM6">
            <v>0.41</v>
          </cell>
          <cell r="AN6">
            <v>0.27</v>
          </cell>
          <cell r="AO6">
            <v>0.28000000000000003</v>
          </cell>
          <cell r="AP6">
            <v>0.33</v>
          </cell>
          <cell r="AQ6">
            <v>0.35</v>
          </cell>
          <cell r="AR6">
            <v>0.28999999999999998</v>
          </cell>
          <cell r="AS6">
            <v>0.28999999999999998</v>
          </cell>
          <cell r="AT6">
            <v>0.3</v>
          </cell>
          <cell r="AU6">
            <v>0.3</v>
          </cell>
          <cell r="AV6">
            <v>0.3</v>
          </cell>
          <cell r="AW6">
            <v>0.3</v>
          </cell>
          <cell r="AX6">
            <v>0.46</v>
          </cell>
          <cell r="AY6">
            <v>0.46</v>
          </cell>
          <cell r="AZ6">
            <v>0.46</v>
          </cell>
          <cell r="BA6">
            <v>0.46</v>
          </cell>
          <cell r="BB6">
            <v>0.42</v>
          </cell>
          <cell r="BC6">
            <v>0.41</v>
          </cell>
          <cell r="BD6">
            <v>0.39</v>
          </cell>
          <cell r="BE6">
            <v>0.39</v>
          </cell>
          <cell r="BF6">
            <v>0.44</v>
          </cell>
          <cell r="BG6">
            <v>0.43</v>
          </cell>
        </row>
        <row r="7">
          <cell r="B7">
            <v>0.44</v>
          </cell>
          <cell r="C7">
            <v>0.45</v>
          </cell>
          <cell r="D7">
            <v>0.5</v>
          </cell>
          <cell r="E7">
            <v>0.5</v>
          </cell>
          <cell r="F7">
            <v>0.5</v>
          </cell>
          <cell r="G7">
            <v>0.45</v>
          </cell>
          <cell r="H7">
            <v>0.45</v>
          </cell>
          <cell r="I7">
            <v>0.5</v>
          </cell>
          <cell r="J7">
            <v>0.5</v>
          </cell>
          <cell r="K7">
            <v>0.57999999999999996</v>
          </cell>
          <cell r="L7">
            <v>0.5</v>
          </cell>
          <cell r="M7">
            <v>0.5</v>
          </cell>
          <cell r="N7">
            <v>0.57999999999999996</v>
          </cell>
          <cell r="O7">
            <v>0.54</v>
          </cell>
          <cell r="P7">
            <v>0.54</v>
          </cell>
          <cell r="Q7">
            <v>0.37</v>
          </cell>
          <cell r="R7">
            <v>0.45</v>
          </cell>
          <cell r="S7">
            <v>0.34</v>
          </cell>
          <cell r="T7">
            <v>0.45</v>
          </cell>
          <cell r="U7">
            <v>0.4</v>
          </cell>
          <cell r="V7">
            <v>0.39</v>
          </cell>
          <cell r="W7">
            <v>0.42</v>
          </cell>
          <cell r="X7">
            <v>0.33</v>
          </cell>
          <cell r="Y7">
            <v>0.38</v>
          </cell>
          <cell r="Z7">
            <v>0.41</v>
          </cell>
          <cell r="AA7">
            <v>0.32</v>
          </cell>
          <cell r="AB7">
            <v>0.34</v>
          </cell>
          <cell r="AC7">
            <v>0.32</v>
          </cell>
          <cell r="AD7">
            <v>0.54</v>
          </cell>
          <cell r="AE7">
            <v>0.52</v>
          </cell>
          <cell r="AF7">
            <v>0.48</v>
          </cell>
          <cell r="AG7">
            <v>0.48</v>
          </cell>
          <cell r="AH7">
            <v>0.47</v>
          </cell>
          <cell r="AI7">
            <v>0.45</v>
          </cell>
          <cell r="AJ7">
            <v>0.4</v>
          </cell>
          <cell r="AK7">
            <v>0.41</v>
          </cell>
          <cell r="AL7">
            <v>0.47</v>
          </cell>
          <cell r="AM7">
            <v>0.46</v>
          </cell>
          <cell r="AN7">
            <v>0.3</v>
          </cell>
          <cell r="AO7">
            <v>0.31</v>
          </cell>
          <cell r="AP7">
            <v>0.36</v>
          </cell>
          <cell r="AQ7">
            <v>0.38</v>
          </cell>
          <cell r="AR7">
            <v>0.32</v>
          </cell>
          <cell r="AS7">
            <v>0.33</v>
          </cell>
          <cell r="AT7">
            <v>0.34</v>
          </cell>
          <cell r="AU7">
            <v>0.34</v>
          </cell>
          <cell r="AV7">
            <v>0.34</v>
          </cell>
          <cell r="AW7">
            <v>0.34</v>
          </cell>
          <cell r="AX7">
            <v>0.51</v>
          </cell>
          <cell r="AY7">
            <v>0.51</v>
          </cell>
          <cell r="AZ7">
            <v>0.51</v>
          </cell>
          <cell r="BA7">
            <v>0.51</v>
          </cell>
          <cell r="BB7">
            <v>0.45</v>
          </cell>
          <cell r="BC7">
            <v>0.45</v>
          </cell>
          <cell r="BD7">
            <v>0.42</v>
          </cell>
          <cell r="BE7">
            <v>0.43</v>
          </cell>
          <cell r="BF7">
            <v>0.49</v>
          </cell>
          <cell r="BG7">
            <v>0.48</v>
          </cell>
        </row>
        <row r="8">
          <cell r="B8">
            <v>0.48</v>
          </cell>
          <cell r="C8">
            <v>0.48</v>
          </cell>
          <cell r="D8">
            <v>0.54</v>
          </cell>
          <cell r="E8">
            <v>0.54</v>
          </cell>
          <cell r="F8">
            <v>0.54</v>
          </cell>
          <cell r="G8">
            <v>0.5</v>
          </cell>
          <cell r="H8">
            <v>0.5</v>
          </cell>
          <cell r="I8">
            <v>0.54</v>
          </cell>
          <cell r="J8">
            <v>0.54</v>
          </cell>
          <cell r="K8">
            <v>0.63</v>
          </cell>
          <cell r="L8">
            <v>0.54</v>
          </cell>
          <cell r="M8">
            <v>0.54</v>
          </cell>
          <cell r="N8">
            <v>0.63</v>
          </cell>
          <cell r="O8">
            <v>0.57999999999999996</v>
          </cell>
          <cell r="P8">
            <v>0.57999999999999996</v>
          </cell>
          <cell r="Q8">
            <v>0.39</v>
          </cell>
          <cell r="R8">
            <v>0.47</v>
          </cell>
          <cell r="S8">
            <v>0.36</v>
          </cell>
          <cell r="T8">
            <v>0.48</v>
          </cell>
          <cell r="U8">
            <v>0.43</v>
          </cell>
          <cell r="V8">
            <v>0.42</v>
          </cell>
          <cell r="W8">
            <v>0.45</v>
          </cell>
          <cell r="X8">
            <v>0.35</v>
          </cell>
          <cell r="Y8">
            <v>0.41</v>
          </cell>
          <cell r="Z8">
            <v>0.44</v>
          </cell>
          <cell r="AA8">
            <v>0.34</v>
          </cell>
          <cell r="AB8">
            <v>0.36</v>
          </cell>
          <cell r="AC8">
            <v>0.34</v>
          </cell>
          <cell r="AD8">
            <v>0.57999999999999996</v>
          </cell>
          <cell r="AE8">
            <v>0.56000000000000005</v>
          </cell>
          <cell r="AF8">
            <v>0.5</v>
          </cell>
          <cell r="AG8">
            <v>0.5</v>
          </cell>
          <cell r="AH8">
            <v>0.5</v>
          </cell>
          <cell r="AI8">
            <v>0.47</v>
          </cell>
          <cell r="AJ8">
            <v>0.42</v>
          </cell>
          <cell r="AK8">
            <v>0.43</v>
          </cell>
          <cell r="AL8">
            <v>0.5</v>
          </cell>
          <cell r="AM8">
            <v>0.49</v>
          </cell>
          <cell r="AN8">
            <v>0.32</v>
          </cell>
          <cell r="AO8">
            <v>0.33</v>
          </cell>
          <cell r="AP8">
            <v>0.38</v>
          </cell>
          <cell r="AQ8">
            <v>0.4</v>
          </cell>
          <cell r="AR8">
            <v>0.34</v>
          </cell>
          <cell r="AS8">
            <v>0.36</v>
          </cell>
          <cell r="AT8">
            <v>0.37</v>
          </cell>
          <cell r="AU8">
            <v>0.37</v>
          </cell>
          <cell r="AV8">
            <v>0.37</v>
          </cell>
          <cell r="AW8">
            <v>0.37</v>
          </cell>
          <cell r="AX8">
            <v>0.54</v>
          </cell>
          <cell r="AY8">
            <v>0.54</v>
          </cell>
          <cell r="AZ8">
            <v>0.54</v>
          </cell>
          <cell r="BA8">
            <v>0.54</v>
          </cell>
          <cell r="BB8">
            <v>0.48</v>
          </cell>
          <cell r="BC8">
            <v>0.48</v>
          </cell>
          <cell r="BD8">
            <v>0.45</v>
          </cell>
          <cell r="BE8">
            <v>0.45</v>
          </cell>
          <cell r="BF8">
            <v>0.52</v>
          </cell>
          <cell r="BG8">
            <v>0.51</v>
          </cell>
        </row>
        <row r="9">
          <cell r="B9">
            <v>0.54</v>
          </cell>
          <cell r="C9">
            <v>0.55000000000000004</v>
          </cell>
          <cell r="D9">
            <v>0.59</v>
          </cell>
          <cell r="E9">
            <v>0.59</v>
          </cell>
          <cell r="F9">
            <v>0.59</v>
          </cell>
          <cell r="G9">
            <v>0.55000000000000004</v>
          </cell>
          <cell r="H9">
            <v>0.55000000000000004</v>
          </cell>
          <cell r="I9">
            <v>0.59</v>
          </cell>
          <cell r="J9">
            <v>0.59</v>
          </cell>
          <cell r="K9">
            <v>0.7</v>
          </cell>
          <cell r="L9">
            <v>0.59</v>
          </cell>
          <cell r="M9">
            <v>0.59</v>
          </cell>
          <cell r="N9">
            <v>0.7</v>
          </cell>
          <cell r="O9">
            <v>0.65</v>
          </cell>
          <cell r="P9">
            <v>0.64</v>
          </cell>
          <cell r="Q9">
            <v>0.43</v>
          </cell>
          <cell r="R9">
            <v>0.51</v>
          </cell>
          <cell r="S9">
            <v>0.4</v>
          </cell>
          <cell r="T9">
            <v>0.52</v>
          </cell>
          <cell r="U9">
            <v>0.48</v>
          </cell>
          <cell r="V9">
            <v>0.44</v>
          </cell>
          <cell r="W9">
            <v>0.48</v>
          </cell>
          <cell r="X9">
            <v>0.37</v>
          </cell>
          <cell r="Y9">
            <v>0.43</v>
          </cell>
          <cell r="Z9">
            <v>0.47</v>
          </cell>
          <cell r="AA9">
            <v>0.36</v>
          </cell>
          <cell r="AB9">
            <v>0.4</v>
          </cell>
          <cell r="AC9">
            <v>0.38</v>
          </cell>
          <cell r="AD9">
            <v>0.64</v>
          </cell>
          <cell r="AE9">
            <v>0.61</v>
          </cell>
          <cell r="AF9">
            <v>0.53</v>
          </cell>
          <cell r="AG9">
            <v>0.53</v>
          </cell>
          <cell r="AH9">
            <v>0.52</v>
          </cell>
          <cell r="AI9">
            <v>0.5</v>
          </cell>
          <cell r="AJ9">
            <v>0.46</v>
          </cell>
          <cell r="AK9">
            <v>0.46</v>
          </cell>
          <cell r="AL9">
            <v>0.54</v>
          </cell>
          <cell r="AM9">
            <v>0.53</v>
          </cell>
          <cell r="AN9">
            <v>0.35</v>
          </cell>
          <cell r="AO9">
            <v>0.36</v>
          </cell>
          <cell r="AP9">
            <v>0.41</v>
          </cell>
          <cell r="AQ9">
            <v>0.44</v>
          </cell>
          <cell r="AR9">
            <v>0.38</v>
          </cell>
          <cell r="AS9">
            <v>0.38</v>
          </cell>
          <cell r="AT9">
            <v>0.4</v>
          </cell>
          <cell r="AU9">
            <v>0.4</v>
          </cell>
          <cell r="AV9">
            <v>0.4</v>
          </cell>
          <cell r="AW9">
            <v>0.4</v>
          </cell>
          <cell r="AX9">
            <v>0.59</v>
          </cell>
          <cell r="AY9">
            <v>0.59</v>
          </cell>
          <cell r="AZ9">
            <v>0.59</v>
          </cell>
          <cell r="BA9">
            <v>0.59</v>
          </cell>
          <cell r="BB9">
            <v>0.51</v>
          </cell>
          <cell r="BC9">
            <v>0.52</v>
          </cell>
          <cell r="BD9">
            <v>0.48</v>
          </cell>
          <cell r="BE9">
            <v>0.49</v>
          </cell>
          <cell r="BF9">
            <v>0.56999999999999995</v>
          </cell>
          <cell r="BG9">
            <v>0.55000000000000004</v>
          </cell>
        </row>
        <row r="10">
          <cell r="B10">
            <v>0.56999999999999995</v>
          </cell>
          <cell r="C10">
            <v>0.59</v>
          </cell>
          <cell r="D10">
            <v>0.63</v>
          </cell>
          <cell r="E10">
            <v>0.63</v>
          </cell>
          <cell r="F10">
            <v>0.63</v>
          </cell>
          <cell r="G10">
            <v>0.59</v>
          </cell>
          <cell r="H10">
            <v>0.59</v>
          </cell>
          <cell r="I10">
            <v>0.63</v>
          </cell>
          <cell r="J10">
            <v>0.63</v>
          </cell>
          <cell r="K10">
            <v>0.73</v>
          </cell>
          <cell r="L10">
            <v>0.63</v>
          </cell>
          <cell r="M10">
            <v>0.63</v>
          </cell>
          <cell r="N10">
            <v>0.73</v>
          </cell>
          <cell r="O10">
            <v>0.59</v>
          </cell>
          <cell r="P10">
            <v>0.68</v>
          </cell>
          <cell r="Q10">
            <v>0.45</v>
          </cell>
          <cell r="R10">
            <v>0.54</v>
          </cell>
          <cell r="S10">
            <v>0.42</v>
          </cell>
          <cell r="T10">
            <v>0.54</v>
          </cell>
          <cell r="U10">
            <v>0.51</v>
          </cell>
          <cell r="V10">
            <v>0.46</v>
          </cell>
          <cell r="W10">
            <v>0.5</v>
          </cell>
          <cell r="X10">
            <v>0.39</v>
          </cell>
          <cell r="Y10">
            <v>0.45</v>
          </cell>
          <cell r="Z10">
            <v>0.49</v>
          </cell>
          <cell r="AA10">
            <v>0.38</v>
          </cell>
          <cell r="AB10">
            <v>0.42</v>
          </cell>
          <cell r="AC10">
            <v>0.4</v>
          </cell>
          <cell r="AD10">
            <v>0.68</v>
          </cell>
          <cell r="AE10">
            <v>0.64</v>
          </cell>
          <cell r="AF10">
            <v>0.55000000000000004</v>
          </cell>
          <cell r="AG10">
            <v>0.54</v>
          </cell>
          <cell r="AH10">
            <v>0.54</v>
          </cell>
          <cell r="AI10">
            <v>0.51</v>
          </cell>
          <cell r="AJ10">
            <v>0.48</v>
          </cell>
          <cell r="AK10">
            <v>0.48</v>
          </cell>
          <cell r="AL10">
            <v>0.56000000000000005</v>
          </cell>
          <cell r="AM10">
            <v>0.56000000000000005</v>
          </cell>
          <cell r="AN10">
            <v>0.37</v>
          </cell>
          <cell r="AO10">
            <v>0.38</v>
          </cell>
          <cell r="AP10">
            <v>0.43</v>
          </cell>
          <cell r="AQ10">
            <v>0.45</v>
          </cell>
          <cell r="AR10">
            <v>0.4</v>
          </cell>
          <cell r="AS10">
            <v>0.4</v>
          </cell>
          <cell r="AT10">
            <v>0.43</v>
          </cell>
          <cell r="AU10">
            <v>0.43</v>
          </cell>
          <cell r="AV10">
            <v>0.43</v>
          </cell>
          <cell r="AW10">
            <v>0.43</v>
          </cell>
          <cell r="AX10">
            <v>0.61</v>
          </cell>
          <cell r="AY10">
            <v>0.61</v>
          </cell>
          <cell r="AZ10">
            <v>0.61</v>
          </cell>
          <cell r="BA10">
            <v>0.61</v>
          </cell>
          <cell r="BB10">
            <v>0.54</v>
          </cell>
          <cell r="BC10">
            <v>0.54</v>
          </cell>
          <cell r="BD10">
            <v>0.5</v>
          </cell>
          <cell r="BE10">
            <v>0.51</v>
          </cell>
          <cell r="BF10">
            <v>0.6</v>
          </cell>
          <cell r="BG10">
            <v>0.57999999999999996</v>
          </cell>
        </row>
        <row r="11">
          <cell r="B11">
            <v>0.59</v>
          </cell>
          <cell r="C11">
            <v>0.62</v>
          </cell>
          <cell r="D11">
            <v>0.65</v>
          </cell>
          <cell r="E11">
            <v>0.65</v>
          </cell>
          <cell r="F11">
            <v>0.65</v>
          </cell>
          <cell r="G11">
            <v>0.61</v>
          </cell>
          <cell r="H11">
            <v>0.61</v>
          </cell>
          <cell r="I11">
            <v>0.66</v>
          </cell>
          <cell r="J11">
            <v>0.66</v>
          </cell>
          <cell r="K11">
            <v>0.77</v>
          </cell>
          <cell r="L11">
            <v>0.66</v>
          </cell>
          <cell r="M11">
            <v>0.66</v>
          </cell>
          <cell r="N11">
            <v>0.77</v>
          </cell>
          <cell r="O11">
            <v>0.72</v>
          </cell>
          <cell r="P11">
            <v>0.71</v>
          </cell>
          <cell r="Q11">
            <v>0.47</v>
          </cell>
          <cell r="R11">
            <v>0.55000000000000004</v>
          </cell>
          <cell r="S11">
            <v>0.44</v>
          </cell>
          <cell r="T11">
            <v>0.56000000000000005</v>
          </cell>
          <cell r="U11">
            <v>0.53</v>
          </cell>
          <cell r="V11">
            <v>0.47</v>
          </cell>
          <cell r="W11">
            <v>0.51</v>
          </cell>
          <cell r="X11">
            <v>0.4</v>
          </cell>
          <cell r="Y11">
            <v>0.46</v>
          </cell>
          <cell r="Z11">
            <v>0.5</v>
          </cell>
          <cell r="AA11">
            <v>0.4</v>
          </cell>
          <cell r="AB11">
            <v>0.44</v>
          </cell>
          <cell r="AC11">
            <v>0.42</v>
          </cell>
          <cell r="AD11">
            <v>0.7</v>
          </cell>
          <cell r="AE11">
            <v>0.67</v>
          </cell>
          <cell r="AF11">
            <v>0.56000000000000005</v>
          </cell>
          <cell r="AG11">
            <v>0.55000000000000004</v>
          </cell>
          <cell r="AH11">
            <v>0.55000000000000004</v>
          </cell>
          <cell r="AI11">
            <v>0.52</v>
          </cell>
          <cell r="AJ11">
            <v>0.49</v>
          </cell>
          <cell r="AK11">
            <v>0.49</v>
          </cell>
          <cell r="AL11">
            <v>0.57999999999999996</v>
          </cell>
          <cell r="AM11">
            <v>0.57999999999999996</v>
          </cell>
          <cell r="AN11">
            <v>0.39</v>
          </cell>
          <cell r="AO11">
            <v>0.4</v>
          </cell>
          <cell r="AP11">
            <v>0.44</v>
          </cell>
          <cell r="AQ11">
            <v>0.47</v>
          </cell>
          <cell r="AR11">
            <v>0.42</v>
          </cell>
          <cell r="AS11">
            <v>0.42</v>
          </cell>
          <cell r="AT11">
            <v>0.44</v>
          </cell>
          <cell r="AU11">
            <v>0.44</v>
          </cell>
          <cell r="AV11">
            <v>0.44</v>
          </cell>
          <cell r="AW11">
            <v>0.44</v>
          </cell>
          <cell r="AX11">
            <v>0.63</v>
          </cell>
          <cell r="AY11">
            <v>0.63</v>
          </cell>
          <cell r="AZ11">
            <v>0.63</v>
          </cell>
          <cell r="BA11">
            <v>0.63</v>
          </cell>
          <cell r="BB11">
            <v>0.55000000000000004</v>
          </cell>
          <cell r="BC11">
            <v>0.55000000000000004</v>
          </cell>
          <cell r="BD11">
            <v>0.51</v>
          </cell>
          <cell r="BE11">
            <v>0.53</v>
          </cell>
          <cell r="BF11">
            <v>0.61</v>
          </cell>
          <cell r="BG11">
            <v>0.6</v>
          </cell>
        </row>
        <row r="12">
          <cell r="B12">
            <v>0.64</v>
          </cell>
          <cell r="C12">
            <v>0.66</v>
          </cell>
          <cell r="D12">
            <v>0.69</v>
          </cell>
          <cell r="E12">
            <v>0.69</v>
          </cell>
          <cell r="F12">
            <v>0.69</v>
          </cell>
          <cell r="G12">
            <v>0.65</v>
          </cell>
          <cell r="H12">
            <v>0.65</v>
          </cell>
          <cell r="I12">
            <v>0.69</v>
          </cell>
          <cell r="J12">
            <v>0.69</v>
          </cell>
          <cell r="K12">
            <v>0.8</v>
          </cell>
          <cell r="L12">
            <v>0.69</v>
          </cell>
          <cell r="M12">
            <v>0.69</v>
          </cell>
          <cell r="N12">
            <v>0.8</v>
          </cell>
          <cell r="O12">
            <v>0.76</v>
          </cell>
          <cell r="P12">
            <v>0.75</v>
          </cell>
          <cell r="Q12">
            <v>0.49</v>
          </cell>
          <cell r="R12">
            <v>0.56999999999999995</v>
          </cell>
          <cell r="S12">
            <v>0.46</v>
          </cell>
          <cell r="T12">
            <v>0.59</v>
          </cell>
          <cell r="U12">
            <v>0.56000000000000005</v>
          </cell>
          <cell r="V12">
            <v>0.48</v>
          </cell>
          <cell r="W12">
            <v>0.53</v>
          </cell>
          <cell r="X12">
            <v>0.41</v>
          </cell>
          <cell r="Y12">
            <v>0.47</v>
          </cell>
          <cell r="Z12">
            <v>0.52</v>
          </cell>
          <cell r="AA12">
            <v>0.41</v>
          </cell>
          <cell r="AB12">
            <v>0.46</v>
          </cell>
          <cell r="AC12">
            <v>0.44</v>
          </cell>
          <cell r="AD12">
            <v>0.73</v>
          </cell>
          <cell r="AE12">
            <v>0.69</v>
          </cell>
          <cell r="AF12">
            <v>0.56999999999999995</v>
          </cell>
          <cell r="AG12">
            <v>0.56999999999999995</v>
          </cell>
          <cell r="AH12">
            <v>0.56999999999999995</v>
          </cell>
          <cell r="AI12">
            <v>0.54</v>
          </cell>
          <cell r="AJ12">
            <v>0.51</v>
          </cell>
          <cell r="AK12">
            <v>0.51</v>
          </cell>
          <cell r="AL12">
            <v>0.61</v>
          </cell>
          <cell r="AM12">
            <v>0.6</v>
          </cell>
          <cell r="AN12">
            <v>0.41</v>
          </cell>
          <cell r="AO12">
            <v>0.42</v>
          </cell>
          <cell r="AP12">
            <v>0.46</v>
          </cell>
          <cell r="AQ12">
            <v>0.49</v>
          </cell>
          <cell r="AR12">
            <v>0.44</v>
          </cell>
          <cell r="AS12">
            <v>0.44</v>
          </cell>
          <cell r="AT12">
            <v>0.46</v>
          </cell>
          <cell r="AU12">
            <v>0.46</v>
          </cell>
          <cell r="AV12">
            <v>0.46</v>
          </cell>
          <cell r="AW12">
            <v>0.46</v>
          </cell>
          <cell r="AX12">
            <v>0.66</v>
          </cell>
          <cell r="AY12">
            <v>0.66</v>
          </cell>
          <cell r="AZ12">
            <v>0.66</v>
          </cell>
          <cell r="BA12">
            <v>0.66</v>
          </cell>
          <cell r="BB12">
            <v>0.56999999999999995</v>
          </cell>
          <cell r="BC12">
            <v>0.56999999999999995</v>
          </cell>
          <cell r="BD12">
            <v>0.53</v>
          </cell>
          <cell r="BE12">
            <v>0.54</v>
          </cell>
          <cell r="BF12">
            <v>0.64</v>
          </cell>
          <cell r="BG12">
            <v>0.62</v>
          </cell>
        </row>
        <row r="13">
          <cell r="B13">
            <v>0.66</v>
          </cell>
          <cell r="C13">
            <v>0.67</v>
          </cell>
          <cell r="D13">
            <v>0.71</v>
          </cell>
          <cell r="E13">
            <v>0.71</v>
          </cell>
          <cell r="F13">
            <v>0.71</v>
          </cell>
          <cell r="G13">
            <v>0.68</v>
          </cell>
          <cell r="H13">
            <v>0.68</v>
          </cell>
          <cell r="I13">
            <v>0.71</v>
          </cell>
          <cell r="J13">
            <v>0.71</v>
          </cell>
          <cell r="K13">
            <v>0.82</v>
          </cell>
          <cell r="L13">
            <v>0.71</v>
          </cell>
          <cell r="M13">
            <v>0.71</v>
          </cell>
          <cell r="N13">
            <v>0.82</v>
          </cell>
          <cell r="O13">
            <v>0.78</v>
          </cell>
          <cell r="P13">
            <v>0.77</v>
          </cell>
          <cell r="Q13">
            <v>0.51</v>
          </cell>
          <cell r="R13">
            <v>0.59</v>
          </cell>
          <cell r="S13">
            <v>0.48</v>
          </cell>
          <cell r="T13">
            <v>0.6</v>
          </cell>
          <cell r="U13">
            <v>0.57999999999999996</v>
          </cell>
          <cell r="V13">
            <v>0.49</v>
          </cell>
          <cell r="W13">
            <v>0.54</v>
          </cell>
          <cell r="X13">
            <v>0.42</v>
          </cell>
          <cell r="Y13">
            <v>0.48</v>
          </cell>
          <cell r="Z13">
            <v>0.53</v>
          </cell>
          <cell r="AA13">
            <v>0.41</v>
          </cell>
          <cell r="AB13">
            <v>0.47</v>
          </cell>
          <cell r="AC13">
            <v>0.45</v>
          </cell>
          <cell r="AD13">
            <v>0.75</v>
          </cell>
          <cell r="AE13">
            <v>0.71</v>
          </cell>
          <cell r="AF13">
            <v>0.57999999999999996</v>
          </cell>
          <cell r="AG13">
            <v>0.57999999999999996</v>
          </cell>
          <cell r="AH13">
            <v>0.57999999999999996</v>
          </cell>
          <cell r="AI13">
            <v>0.54</v>
          </cell>
          <cell r="AJ13">
            <v>0.52</v>
          </cell>
          <cell r="AK13">
            <v>0.52</v>
          </cell>
          <cell r="AL13">
            <v>0.62</v>
          </cell>
          <cell r="AM13">
            <v>0.62</v>
          </cell>
          <cell r="AN13">
            <v>0.42</v>
          </cell>
          <cell r="AO13">
            <v>0.43</v>
          </cell>
          <cell r="AP13">
            <v>0.47</v>
          </cell>
          <cell r="AQ13">
            <v>0.5</v>
          </cell>
          <cell r="AR13">
            <v>0.46</v>
          </cell>
          <cell r="AS13">
            <v>0.45</v>
          </cell>
          <cell r="AT13">
            <v>0.48</v>
          </cell>
          <cell r="AU13">
            <v>0.48</v>
          </cell>
          <cell r="AV13">
            <v>0.48</v>
          </cell>
          <cell r="AW13">
            <v>0.48</v>
          </cell>
          <cell r="AX13">
            <v>0.68</v>
          </cell>
          <cell r="AY13">
            <v>0.68</v>
          </cell>
          <cell r="AZ13">
            <v>0.68</v>
          </cell>
          <cell r="BA13">
            <v>0.68</v>
          </cell>
          <cell r="BB13">
            <v>0.57999999999999996</v>
          </cell>
          <cell r="BC13">
            <v>0.59</v>
          </cell>
          <cell r="BD13">
            <v>0.54</v>
          </cell>
          <cell r="BE13">
            <v>0.55000000000000004</v>
          </cell>
          <cell r="BF13">
            <v>0.65</v>
          </cell>
          <cell r="BG13">
            <v>0.63</v>
          </cell>
        </row>
      </sheetData>
      <sheetData sheetId="2">
        <row r="4">
          <cell r="B4">
            <v>0.2</v>
          </cell>
          <cell r="C4">
            <v>0.21</v>
          </cell>
          <cell r="D4">
            <v>0.25</v>
          </cell>
          <cell r="E4">
            <v>0.25</v>
          </cell>
          <cell r="F4">
            <v>0.25</v>
          </cell>
          <cell r="G4">
            <v>0.21</v>
          </cell>
          <cell r="H4">
            <v>0.21</v>
          </cell>
          <cell r="U4">
            <v>0.2</v>
          </cell>
        </row>
        <row r="5">
          <cell r="B5">
            <v>0.26</v>
          </cell>
          <cell r="C5">
            <v>0.28000000000000003</v>
          </cell>
          <cell r="D5">
            <v>0.33</v>
          </cell>
          <cell r="E5">
            <v>0.33</v>
          </cell>
          <cell r="F5">
            <v>0.33</v>
          </cell>
          <cell r="G5">
            <v>0.27</v>
          </cell>
          <cell r="H5">
            <v>0.27</v>
          </cell>
          <cell r="U5">
            <v>0.26</v>
          </cell>
        </row>
        <row r="6">
          <cell r="B6">
            <v>0.3</v>
          </cell>
          <cell r="C6">
            <v>0.32</v>
          </cell>
          <cell r="D6">
            <v>0.38</v>
          </cell>
          <cell r="E6">
            <v>0.38</v>
          </cell>
          <cell r="F6">
            <v>0.38</v>
          </cell>
          <cell r="G6">
            <v>0.31</v>
          </cell>
          <cell r="H6">
            <v>0.31</v>
          </cell>
          <cell r="U6">
            <v>0.3</v>
          </cell>
        </row>
        <row r="7">
          <cell r="B7">
            <v>0.34</v>
          </cell>
          <cell r="C7">
            <v>0.36</v>
          </cell>
          <cell r="D7">
            <v>0.44</v>
          </cell>
          <cell r="E7">
            <v>0.44</v>
          </cell>
          <cell r="F7">
            <v>0.44</v>
          </cell>
          <cell r="G7">
            <v>0.36</v>
          </cell>
          <cell r="H7">
            <v>0.36</v>
          </cell>
          <cell r="U7">
            <v>0.34</v>
          </cell>
        </row>
        <row r="8">
          <cell r="B8">
            <v>0.38</v>
          </cell>
          <cell r="C8">
            <v>0.4</v>
          </cell>
          <cell r="D8">
            <v>0.48</v>
          </cell>
          <cell r="E8">
            <v>0.48</v>
          </cell>
          <cell r="F8">
            <v>0.48</v>
          </cell>
          <cell r="G8">
            <v>0.4</v>
          </cell>
          <cell r="H8">
            <v>0.4</v>
          </cell>
          <cell r="U8">
            <v>0.37</v>
          </cell>
        </row>
        <row r="9">
          <cell r="B9">
            <v>0.43</v>
          </cell>
          <cell r="C9">
            <v>0.47</v>
          </cell>
          <cell r="D9">
            <v>0.54</v>
          </cell>
          <cell r="E9">
            <v>0.54</v>
          </cell>
          <cell r="F9">
            <v>0.54</v>
          </cell>
          <cell r="G9">
            <v>0.45</v>
          </cell>
          <cell r="H9">
            <v>0.45</v>
          </cell>
          <cell r="U9">
            <v>0.42</v>
          </cell>
        </row>
        <row r="10">
          <cell r="B10">
            <v>0.47</v>
          </cell>
          <cell r="C10">
            <v>0.5</v>
          </cell>
          <cell r="D10">
            <v>0.57999999999999996</v>
          </cell>
          <cell r="E10">
            <v>0.57999999999999996</v>
          </cell>
          <cell r="F10">
            <v>0.57999999999999996</v>
          </cell>
          <cell r="G10">
            <v>0.5</v>
          </cell>
          <cell r="H10">
            <v>0.5</v>
          </cell>
          <cell r="U10">
            <v>0.46</v>
          </cell>
        </row>
        <row r="11">
          <cell r="B11">
            <v>0.5</v>
          </cell>
          <cell r="C11">
            <v>0.53</v>
          </cell>
          <cell r="D11">
            <v>0.61</v>
          </cell>
          <cell r="E11">
            <v>0.61</v>
          </cell>
          <cell r="F11">
            <v>0.61</v>
          </cell>
          <cell r="G11">
            <v>0.52</v>
          </cell>
          <cell r="H11">
            <v>0.52</v>
          </cell>
          <cell r="U11">
            <v>0.48</v>
          </cell>
        </row>
        <row r="12">
          <cell r="B12">
            <v>0.54</v>
          </cell>
          <cell r="C12">
            <v>0.57999999999999996</v>
          </cell>
          <cell r="D12">
            <v>0.65</v>
          </cell>
          <cell r="E12">
            <v>0.65</v>
          </cell>
          <cell r="F12">
            <v>0.65</v>
          </cell>
          <cell r="G12">
            <v>0.56000000000000005</v>
          </cell>
          <cell r="H12">
            <v>0.56000000000000005</v>
          </cell>
          <cell r="U12">
            <v>0.52</v>
          </cell>
        </row>
        <row r="13">
          <cell r="B13">
            <v>0.56999999999999995</v>
          </cell>
          <cell r="C13">
            <v>0.61</v>
          </cell>
          <cell r="D13">
            <v>0.67</v>
          </cell>
          <cell r="E13">
            <v>0.67</v>
          </cell>
          <cell r="F13">
            <v>0.67</v>
          </cell>
          <cell r="G13">
            <v>0.59</v>
          </cell>
          <cell r="H13">
            <v>0.59</v>
          </cell>
          <cell r="U13">
            <v>0.54</v>
          </cell>
        </row>
      </sheetData>
      <sheetData sheetId="3"/>
      <sheetData sheetId="4"/>
    </sheetDataSet>
  </externalBook>
</externalLink>
</file>

<file path=xl/externalLinks/externalLink13.xml><?xml version="1.0" encoding="utf-8"?>
<externalLink xmlns="http://schemas.openxmlformats.org/spreadsheetml/2006/main">
  <externalBook xmlns:r="http://schemas.openxmlformats.org/officeDocument/2006/relationships" r:id="rId1">
    <sheetNames>
      <sheetName val="ｲﾝﾌﾟｯﾄ表"/>
      <sheetName val="リプラ内訳"/>
      <sheetName val="リプラ内訳(採用)"/>
      <sheetName val="ﾘﾌﾟﾗ年別(H15申)"/>
      <sheetName val="リ年別(H15申)"/>
      <sheetName val="ﾘﾌﾟﾗ諸1(H15申)"/>
      <sheetName val="ﾘﾌﾟﾗ諸2+諸3(H15申)"/>
      <sheetName val="リ年別(H15申)(採用)"/>
      <sheetName val="リ諸1(H15申)"/>
      <sheetName val="リ諸1(H15申)(採用)"/>
      <sheetName val="リ諸2(H15申)"/>
      <sheetName val="リ諸2(H15申) (2)"/>
      <sheetName val="リ年別（旧)"/>
      <sheetName val="まとめ"/>
      <sheetName val="リ年別 "/>
      <sheetName val="リ年別(採用)(H15申)"/>
      <sheetName val="リ年別(採用)"/>
      <sheetName val="リ諸1"/>
      <sheetName val="リ(諸2+諸3)"/>
      <sheetName val="リ諸2"/>
      <sheetName val="リ諸3"/>
    </sheetNames>
    <sheetDataSet>
      <sheetData sheetId="0">
        <row r="7">
          <cell r="D7">
            <v>6.8900000000000003e-002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</sheetDataSet>
  </externalBook>
</externalLink>
</file>

<file path=xl/externalLinks/externalLink14.xml><?xml version="1.0" encoding="utf-8"?>
<externalLink xmlns="http://schemas.openxmlformats.org/spreadsheetml/2006/main">
  <externalBook xmlns:r="http://schemas.openxmlformats.org/officeDocument/2006/relationships" r:id="rId1">
    <sheetNames>
      <sheetName val="ｲﾝﾌﾟｯﾄ表"/>
      <sheetName val="リプラ内訳"/>
      <sheetName val="リプラ内訳(採用)"/>
      <sheetName val="ﾘﾌﾟﾗ年別(H15申)"/>
      <sheetName val="リ年別(H15申)"/>
      <sheetName val="ﾘﾌﾟﾗ諸1(H15申)"/>
      <sheetName val="ﾘﾌﾟﾗ諸2+諸3(H15申)"/>
      <sheetName val="リ年別(H15申)(採用)"/>
      <sheetName val="リ諸1(H15申)"/>
      <sheetName val="リ諸1(H15申)(採用)"/>
      <sheetName val="リ諸2(H15申)"/>
      <sheetName val="リ諸2(H15申) (2)"/>
      <sheetName val="リ年別（旧)"/>
      <sheetName val="まとめ"/>
      <sheetName val="リ年別 "/>
      <sheetName val="リ年別(採用)(H15申)"/>
      <sheetName val="リ年別(採用)"/>
      <sheetName val="リ諸1"/>
      <sheetName val="リ(諸2+諸3)"/>
      <sheetName val="リ諸2"/>
      <sheetName val="リ諸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</sheetDataSet>
  </externalBook>
</externalLink>
</file>

<file path=xl/externalLinks/externalLink15.xml><?xml version="1.0" encoding="utf-8"?>
<externalLink xmlns="http://schemas.openxmlformats.org/spreadsheetml/2006/main">
  <externalBook xmlns:r="http://schemas.openxmlformats.org/officeDocument/2006/relationships" r:id="rId1">
    <sheetNames>
      <sheetName val="工事名"/>
      <sheetName val="印刷画面"/>
      <sheetName val="経費率入力"/>
      <sheetName val="Sheet1"/>
      <sheetName val="設計書１出力"/>
      <sheetName val="金抜き設計書出力"/>
      <sheetName val="設計書入力"/>
      <sheetName val="設計書出力"/>
      <sheetName val="Sheet2"/>
    </sheetNames>
    <sheetDataSet>
      <sheetData sheetId="0"/>
      <sheetData sheetId="1"/>
      <sheetData sheetId="2"/>
      <sheetData sheetId="3"/>
      <sheetData sheetId="4"/>
      <sheetData sheetId="5"/>
      <sheetData sheetId="6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0</v>
          </cell>
          <cell r="FE22">
            <v>0</v>
          </cell>
          <cell r="FF22">
            <v>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 t="str">
            <v/>
          </cell>
          <cell r="DU25" t="str">
            <v/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 t="str">
            <v/>
          </cell>
          <cell r="DU80" t="str">
            <v/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 t="str">
            <v/>
          </cell>
          <cell r="DU122" t="str">
            <v/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  <row r="701">
          <cell r="DT701" t="str">
            <v/>
          </cell>
          <cell r="DU701" t="str">
            <v/>
          </cell>
        </row>
        <row r="702">
          <cell r="DT702" t="str">
            <v/>
          </cell>
          <cell r="DU702" t="str">
            <v/>
          </cell>
        </row>
        <row r="703">
          <cell r="DT703" t="str">
            <v/>
          </cell>
          <cell r="DU703" t="str">
            <v/>
          </cell>
        </row>
        <row r="704">
          <cell r="DT704" t="str">
            <v/>
          </cell>
          <cell r="DU704" t="str">
            <v/>
          </cell>
        </row>
        <row r="705">
          <cell r="DT705" t="str">
            <v/>
          </cell>
          <cell r="DU705" t="str">
            <v/>
          </cell>
        </row>
        <row r="706">
          <cell r="DT706" t="str">
            <v/>
          </cell>
          <cell r="DU706" t="str">
            <v/>
          </cell>
        </row>
        <row r="707">
          <cell r="DT707" t="str">
            <v/>
          </cell>
          <cell r="DU707" t="str">
            <v/>
          </cell>
        </row>
        <row r="708">
          <cell r="DT708" t="str">
            <v/>
          </cell>
          <cell r="DU708" t="str">
            <v/>
          </cell>
        </row>
        <row r="709">
          <cell r="DT709" t="str">
            <v/>
          </cell>
          <cell r="DU709" t="str">
            <v/>
          </cell>
        </row>
        <row r="710">
          <cell r="DT710" t="str">
            <v/>
          </cell>
          <cell r="DU710" t="str">
            <v/>
          </cell>
        </row>
        <row r="711">
          <cell r="DT711" t="str">
            <v/>
          </cell>
          <cell r="DU711" t="str">
            <v/>
          </cell>
        </row>
        <row r="712">
          <cell r="DT712" t="str">
            <v/>
          </cell>
          <cell r="DU712" t="str">
            <v/>
          </cell>
        </row>
        <row r="713">
          <cell r="DT713" t="str">
            <v/>
          </cell>
          <cell r="DU713" t="str">
            <v/>
          </cell>
        </row>
        <row r="714">
          <cell r="DT714" t="str">
            <v/>
          </cell>
          <cell r="DU714" t="str">
            <v/>
          </cell>
        </row>
        <row r="715">
          <cell r="DT715" t="str">
            <v/>
          </cell>
          <cell r="DU715" t="str">
            <v/>
          </cell>
        </row>
        <row r="716">
          <cell r="DT716" t="str">
            <v/>
          </cell>
          <cell r="DU716" t="str">
            <v/>
          </cell>
        </row>
        <row r="717">
          <cell r="DT717" t="str">
            <v/>
          </cell>
          <cell r="DU717" t="str">
            <v/>
          </cell>
        </row>
        <row r="718">
          <cell r="DT718" t="str">
            <v/>
          </cell>
          <cell r="DU718" t="str">
            <v/>
          </cell>
        </row>
        <row r="719">
          <cell r="DT719" t="str">
            <v/>
          </cell>
          <cell r="DU719" t="str">
            <v/>
          </cell>
        </row>
        <row r="720">
          <cell r="DT720" t="str">
            <v/>
          </cell>
          <cell r="DU720" t="str">
            <v/>
          </cell>
        </row>
        <row r="721">
          <cell r="DT721" t="str">
            <v/>
          </cell>
          <cell r="DU721" t="str">
            <v/>
          </cell>
        </row>
        <row r="722">
          <cell r="DT722" t="str">
            <v/>
          </cell>
          <cell r="DU722" t="str">
            <v/>
          </cell>
        </row>
        <row r="723">
          <cell r="DT723" t="str">
            <v/>
          </cell>
          <cell r="DU723" t="str">
            <v/>
          </cell>
        </row>
        <row r="724">
          <cell r="DT724" t="str">
            <v/>
          </cell>
          <cell r="DU724" t="str">
            <v/>
          </cell>
        </row>
        <row r="725">
          <cell r="DT725" t="str">
            <v/>
          </cell>
          <cell r="DU725" t="str">
            <v/>
          </cell>
        </row>
        <row r="726">
          <cell r="DT726" t="str">
            <v/>
          </cell>
          <cell r="DU726" t="str">
            <v/>
          </cell>
        </row>
        <row r="727">
          <cell r="DT727" t="str">
            <v/>
          </cell>
          <cell r="DU727" t="str">
            <v/>
          </cell>
        </row>
        <row r="728">
          <cell r="DT728" t="str">
            <v/>
          </cell>
          <cell r="DU728" t="str">
            <v/>
          </cell>
        </row>
        <row r="729">
          <cell r="DT729" t="str">
            <v/>
          </cell>
          <cell r="DU729" t="str">
            <v/>
          </cell>
        </row>
        <row r="730">
          <cell r="DT730" t="str">
            <v/>
          </cell>
          <cell r="DU730" t="str">
            <v/>
          </cell>
        </row>
        <row r="731">
          <cell r="DT731" t="str">
            <v/>
          </cell>
          <cell r="DU731" t="str">
            <v/>
          </cell>
        </row>
        <row r="732">
          <cell r="DT732" t="str">
            <v/>
          </cell>
          <cell r="DU732" t="str">
            <v/>
          </cell>
        </row>
        <row r="733">
          <cell r="DT733" t="str">
            <v/>
          </cell>
          <cell r="DU733" t="str">
            <v/>
          </cell>
        </row>
        <row r="734">
          <cell r="DT734" t="str">
            <v/>
          </cell>
          <cell r="DU734" t="str">
            <v/>
          </cell>
        </row>
        <row r="735">
          <cell r="DT735" t="str">
            <v/>
          </cell>
          <cell r="DU735" t="str">
            <v/>
          </cell>
        </row>
        <row r="736">
          <cell r="DT736" t="str">
            <v/>
          </cell>
          <cell r="DU736" t="str">
            <v/>
          </cell>
        </row>
        <row r="737">
          <cell r="DT737" t="str">
            <v/>
          </cell>
          <cell r="DU737" t="str">
            <v/>
          </cell>
        </row>
        <row r="738">
          <cell r="DT738" t="str">
            <v/>
          </cell>
          <cell r="DU738" t="str">
            <v/>
          </cell>
        </row>
        <row r="739">
          <cell r="DT739" t="str">
            <v/>
          </cell>
          <cell r="DU739" t="str">
            <v/>
          </cell>
        </row>
        <row r="740">
          <cell r="DT740" t="str">
            <v/>
          </cell>
          <cell r="DU740" t="str">
            <v/>
          </cell>
        </row>
        <row r="741">
          <cell r="DT741" t="str">
            <v/>
          </cell>
          <cell r="DU741" t="str">
            <v/>
          </cell>
        </row>
        <row r="742">
          <cell r="DT742" t="str">
            <v/>
          </cell>
          <cell r="DU742" t="str">
            <v/>
          </cell>
        </row>
        <row r="743">
          <cell r="DT743" t="str">
            <v/>
          </cell>
          <cell r="DU743" t="str">
            <v/>
          </cell>
        </row>
        <row r="744">
          <cell r="DT744" t="str">
            <v/>
          </cell>
          <cell r="DU744" t="str">
            <v/>
          </cell>
        </row>
        <row r="745">
          <cell r="DT745" t="str">
            <v/>
          </cell>
          <cell r="DU745" t="str">
            <v/>
          </cell>
        </row>
        <row r="746">
          <cell r="DT746" t="str">
            <v/>
          </cell>
          <cell r="DU746" t="str">
            <v/>
          </cell>
        </row>
        <row r="747">
          <cell r="DT747" t="str">
            <v/>
          </cell>
          <cell r="DU747" t="str">
            <v/>
          </cell>
        </row>
        <row r="748">
          <cell r="DT748" t="str">
            <v/>
          </cell>
          <cell r="DU748" t="str">
            <v/>
          </cell>
        </row>
        <row r="749">
          <cell r="DT749" t="str">
            <v/>
          </cell>
          <cell r="DU749" t="str">
            <v/>
          </cell>
        </row>
        <row r="750">
          <cell r="DT750" t="str">
            <v/>
          </cell>
          <cell r="DU750" t="str">
            <v/>
          </cell>
        </row>
        <row r="751">
          <cell r="DT751" t="str">
            <v/>
          </cell>
          <cell r="DU751" t="str">
            <v/>
          </cell>
        </row>
        <row r="752">
          <cell r="DT752" t="str">
            <v/>
          </cell>
          <cell r="DU752" t="str">
            <v/>
          </cell>
        </row>
        <row r="753">
          <cell r="DT753" t="str">
            <v/>
          </cell>
          <cell r="DU753" t="str">
            <v/>
          </cell>
        </row>
        <row r="754">
          <cell r="DT754" t="str">
            <v/>
          </cell>
          <cell r="DU754" t="str">
            <v/>
          </cell>
        </row>
        <row r="755">
          <cell r="DT755" t="str">
            <v/>
          </cell>
          <cell r="DU755" t="str">
            <v/>
          </cell>
        </row>
        <row r="756">
          <cell r="DT756" t="str">
            <v/>
          </cell>
          <cell r="DU756" t="str">
            <v/>
          </cell>
        </row>
        <row r="757">
          <cell r="DT757" t="str">
            <v/>
          </cell>
          <cell r="DU757" t="str">
            <v/>
          </cell>
        </row>
        <row r="758">
          <cell r="DT758" t="str">
            <v/>
          </cell>
          <cell r="DU758" t="str">
            <v/>
          </cell>
        </row>
        <row r="759">
          <cell r="DT759" t="str">
            <v/>
          </cell>
          <cell r="DU759" t="str">
            <v/>
          </cell>
        </row>
        <row r="760">
          <cell r="DT760" t="str">
            <v/>
          </cell>
          <cell r="DU760" t="str">
            <v/>
          </cell>
        </row>
        <row r="761">
          <cell r="DT761" t="str">
            <v/>
          </cell>
          <cell r="DU761" t="str">
            <v/>
          </cell>
        </row>
        <row r="762">
          <cell r="DT762" t="str">
            <v/>
          </cell>
          <cell r="DU762" t="str">
            <v/>
          </cell>
        </row>
        <row r="763">
          <cell r="DT763" t="str">
            <v/>
          </cell>
          <cell r="DU763" t="str">
            <v/>
          </cell>
        </row>
        <row r="764">
          <cell r="DT764" t="str">
            <v/>
          </cell>
          <cell r="DU764" t="str">
            <v/>
          </cell>
        </row>
        <row r="765">
          <cell r="DT765" t="str">
            <v/>
          </cell>
          <cell r="DU765" t="str">
            <v/>
          </cell>
        </row>
        <row r="766">
          <cell r="DT766" t="str">
            <v/>
          </cell>
          <cell r="DU766" t="str">
            <v/>
          </cell>
        </row>
        <row r="767">
          <cell r="DT767" t="str">
            <v/>
          </cell>
          <cell r="DU767" t="str">
            <v/>
          </cell>
        </row>
        <row r="768">
          <cell r="DT768" t="str">
            <v/>
          </cell>
          <cell r="DU768" t="str">
            <v/>
          </cell>
        </row>
        <row r="769">
          <cell r="DT769" t="str">
            <v/>
          </cell>
          <cell r="DU769" t="str">
            <v/>
          </cell>
        </row>
        <row r="770">
          <cell r="DT770" t="str">
            <v/>
          </cell>
          <cell r="DU770" t="str">
            <v/>
          </cell>
        </row>
        <row r="771">
          <cell r="DT771" t="str">
            <v/>
          </cell>
          <cell r="DU771" t="str">
            <v/>
          </cell>
        </row>
        <row r="772">
          <cell r="DT772" t="str">
            <v/>
          </cell>
          <cell r="DU772" t="str">
            <v/>
          </cell>
        </row>
        <row r="773">
          <cell r="DT773" t="str">
            <v/>
          </cell>
          <cell r="DU773" t="str">
            <v/>
          </cell>
        </row>
        <row r="774">
          <cell r="DT774" t="str">
            <v/>
          </cell>
          <cell r="DU774" t="str">
            <v/>
          </cell>
        </row>
        <row r="775">
          <cell r="DT775" t="str">
            <v/>
          </cell>
          <cell r="DU775" t="str">
            <v/>
          </cell>
        </row>
        <row r="776">
          <cell r="DT776" t="str">
            <v/>
          </cell>
          <cell r="DU776" t="str">
            <v/>
          </cell>
        </row>
        <row r="777">
          <cell r="DT777" t="str">
            <v/>
          </cell>
          <cell r="DU777" t="str">
            <v/>
          </cell>
        </row>
        <row r="778">
          <cell r="DT778" t="str">
            <v/>
          </cell>
          <cell r="DU778" t="str">
            <v/>
          </cell>
        </row>
        <row r="779">
          <cell r="DT779" t="str">
            <v/>
          </cell>
          <cell r="DU779" t="str">
            <v/>
          </cell>
        </row>
        <row r="780">
          <cell r="DT780" t="str">
            <v/>
          </cell>
          <cell r="DU780" t="str">
            <v/>
          </cell>
        </row>
        <row r="781">
          <cell r="DT781" t="str">
            <v/>
          </cell>
          <cell r="DU781" t="str">
            <v/>
          </cell>
        </row>
        <row r="782">
          <cell r="DT782" t="str">
            <v/>
          </cell>
          <cell r="DU782" t="str">
            <v/>
          </cell>
        </row>
        <row r="783">
          <cell r="DT783" t="str">
            <v/>
          </cell>
          <cell r="DU783" t="str">
            <v/>
          </cell>
        </row>
        <row r="784">
          <cell r="DT784" t="str">
            <v/>
          </cell>
          <cell r="DU784" t="str">
            <v/>
          </cell>
        </row>
        <row r="785">
          <cell r="DT785" t="str">
            <v/>
          </cell>
          <cell r="DU785" t="str">
            <v/>
          </cell>
        </row>
        <row r="786">
          <cell r="DT786" t="str">
            <v/>
          </cell>
          <cell r="DU786" t="str">
            <v/>
          </cell>
        </row>
        <row r="787">
          <cell r="DT787" t="str">
            <v/>
          </cell>
          <cell r="DU787" t="str">
            <v/>
          </cell>
        </row>
        <row r="788">
          <cell r="DT788" t="str">
            <v/>
          </cell>
          <cell r="DU788" t="str">
            <v/>
          </cell>
        </row>
        <row r="789">
          <cell r="DT789" t="str">
            <v/>
          </cell>
          <cell r="DU789" t="str">
            <v/>
          </cell>
        </row>
        <row r="790">
          <cell r="DT790" t="str">
            <v/>
          </cell>
          <cell r="DU790" t="str">
            <v/>
          </cell>
        </row>
        <row r="791">
          <cell r="DT791" t="str">
            <v/>
          </cell>
          <cell r="DU791" t="str">
            <v/>
          </cell>
        </row>
        <row r="792">
          <cell r="DT792" t="str">
            <v/>
          </cell>
          <cell r="DU792" t="str">
            <v/>
          </cell>
        </row>
        <row r="793">
          <cell r="DT793" t="str">
            <v/>
          </cell>
          <cell r="DU793" t="str">
            <v/>
          </cell>
        </row>
        <row r="794">
          <cell r="DT794" t="str">
            <v/>
          </cell>
          <cell r="DU794" t="str">
            <v/>
          </cell>
        </row>
        <row r="795">
          <cell r="DT795" t="str">
            <v/>
          </cell>
          <cell r="DU795" t="str">
            <v/>
          </cell>
        </row>
        <row r="796">
          <cell r="DT796" t="str">
            <v/>
          </cell>
          <cell r="DU796" t="str">
            <v/>
          </cell>
        </row>
        <row r="797">
          <cell r="DT797" t="str">
            <v/>
          </cell>
          <cell r="DU797" t="str">
            <v/>
          </cell>
        </row>
        <row r="798">
          <cell r="DT798" t="str">
            <v/>
          </cell>
          <cell r="DU798" t="str">
            <v/>
          </cell>
        </row>
        <row r="799">
          <cell r="DT799" t="str">
            <v/>
          </cell>
          <cell r="DU799" t="str">
            <v/>
          </cell>
        </row>
        <row r="800">
          <cell r="DT800" t="str">
            <v/>
          </cell>
          <cell r="DU800" t="str">
            <v/>
          </cell>
        </row>
        <row r="801">
          <cell r="DT801" t="str">
            <v/>
          </cell>
          <cell r="DU801" t="str">
            <v/>
          </cell>
        </row>
        <row r="802">
          <cell r="DT802" t="str">
            <v/>
          </cell>
          <cell r="DU802" t="str">
            <v/>
          </cell>
        </row>
        <row r="803">
          <cell r="DT803" t="str">
            <v/>
          </cell>
          <cell r="DU803" t="str">
            <v/>
          </cell>
        </row>
        <row r="804">
          <cell r="DT804" t="str">
            <v/>
          </cell>
          <cell r="DU804" t="str">
            <v/>
          </cell>
        </row>
        <row r="805">
          <cell r="DT805" t="str">
            <v/>
          </cell>
          <cell r="DU805" t="str">
            <v/>
          </cell>
        </row>
        <row r="806">
          <cell r="DT806" t="str">
            <v/>
          </cell>
          <cell r="DU806" t="str">
            <v/>
          </cell>
        </row>
        <row r="807">
          <cell r="DT807" t="str">
            <v/>
          </cell>
          <cell r="DU807" t="str">
            <v/>
          </cell>
        </row>
        <row r="808">
          <cell r="DT808" t="str">
            <v/>
          </cell>
          <cell r="DU808" t="str">
            <v/>
          </cell>
        </row>
        <row r="809">
          <cell r="DT809" t="str">
            <v/>
          </cell>
          <cell r="DU809" t="str">
            <v/>
          </cell>
        </row>
        <row r="810">
          <cell r="DT810" t="str">
            <v/>
          </cell>
          <cell r="DU810" t="str">
            <v/>
          </cell>
        </row>
        <row r="811">
          <cell r="DT811" t="str">
            <v/>
          </cell>
          <cell r="DU811" t="str">
            <v/>
          </cell>
        </row>
        <row r="812">
          <cell r="DT812" t="str">
            <v/>
          </cell>
          <cell r="DU812" t="str">
            <v/>
          </cell>
        </row>
        <row r="813">
          <cell r="DT813" t="str">
            <v/>
          </cell>
          <cell r="DU813" t="str">
            <v/>
          </cell>
        </row>
        <row r="814">
          <cell r="DT814" t="str">
            <v/>
          </cell>
          <cell r="DU814" t="str">
            <v/>
          </cell>
        </row>
        <row r="815">
          <cell r="DT815" t="str">
            <v/>
          </cell>
          <cell r="DU815" t="str">
            <v/>
          </cell>
        </row>
        <row r="816">
          <cell r="DT816" t="str">
            <v/>
          </cell>
          <cell r="DU816" t="str">
            <v/>
          </cell>
        </row>
        <row r="817">
          <cell r="DT817" t="str">
            <v/>
          </cell>
          <cell r="DU817" t="str">
            <v/>
          </cell>
        </row>
        <row r="818">
          <cell r="DT818" t="str">
            <v/>
          </cell>
          <cell r="DU818" t="str">
            <v/>
          </cell>
        </row>
        <row r="819">
          <cell r="DT819" t="str">
            <v/>
          </cell>
          <cell r="DU819" t="str">
            <v/>
          </cell>
        </row>
        <row r="820">
          <cell r="DT820" t="str">
            <v/>
          </cell>
          <cell r="DU820" t="str">
            <v/>
          </cell>
        </row>
        <row r="821">
          <cell r="DT821" t="str">
            <v/>
          </cell>
          <cell r="DU821" t="str">
            <v/>
          </cell>
        </row>
        <row r="822">
          <cell r="DT822" t="str">
            <v/>
          </cell>
          <cell r="DU822" t="str">
            <v/>
          </cell>
        </row>
        <row r="823">
          <cell r="DT823" t="str">
            <v/>
          </cell>
          <cell r="DU823" t="str">
            <v/>
          </cell>
        </row>
        <row r="824">
          <cell r="DT824" t="str">
            <v/>
          </cell>
          <cell r="DU824" t="str">
            <v/>
          </cell>
        </row>
        <row r="825">
          <cell r="DT825" t="str">
            <v/>
          </cell>
          <cell r="DU825" t="str">
            <v/>
          </cell>
        </row>
        <row r="826">
          <cell r="DT826" t="str">
            <v/>
          </cell>
          <cell r="DU826" t="str">
            <v/>
          </cell>
        </row>
        <row r="827">
          <cell r="DT827" t="str">
            <v/>
          </cell>
          <cell r="DU827" t="str">
            <v/>
          </cell>
        </row>
        <row r="828">
          <cell r="DT828" t="str">
            <v/>
          </cell>
          <cell r="DU828" t="str">
            <v/>
          </cell>
        </row>
        <row r="829">
          <cell r="DT829" t="str">
            <v/>
          </cell>
          <cell r="DU829" t="str">
            <v/>
          </cell>
        </row>
        <row r="830">
          <cell r="DT830" t="str">
            <v/>
          </cell>
          <cell r="DU830" t="str">
            <v/>
          </cell>
        </row>
        <row r="831">
          <cell r="DT831" t="str">
            <v/>
          </cell>
          <cell r="DU831" t="str">
            <v/>
          </cell>
        </row>
        <row r="832">
          <cell r="DT832" t="str">
            <v/>
          </cell>
          <cell r="DU832" t="str">
            <v/>
          </cell>
        </row>
        <row r="833">
          <cell r="DT833" t="str">
            <v/>
          </cell>
          <cell r="DU833" t="str">
            <v/>
          </cell>
        </row>
        <row r="834">
          <cell r="DT834" t="str">
            <v/>
          </cell>
          <cell r="DU834" t="str">
            <v/>
          </cell>
        </row>
        <row r="835">
          <cell r="DT835" t="str">
            <v/>
          </cell>
          <cell r="DU835" t="str">
            <v/>
          </cell>
        </row>
        <row r="836">
          <cell r="DT836" t="str">
            <v/>
          </cell>
          <cell r="DU836" t="str">
            <v/>
          </cell>
        </row>
        <row r="837">
          <cell r="DT837" t="str">
            <v/>
          </cell>
          <cell r="DU837" t="str">
            <v/>
          </cell>
        </row>
        <row r="838">
          <cell r="DT838" t="str">
            <v/>
          </cell>
          <cell r="DU838" t="str">
            <v/>
          </cell>
        </row>
        <row r="839">
          <cell r="DT839" t="str">
            <v/>
          </cell>
          <cell r="DU839" t="str">
            <v/>
          </cell>
        </row>
        <row r="840">
          <cell r="DT840" t="str">
            <v/>
          </cell>
          <cell r="DU840" t="str">
            <v/>
          </cell>
        </row>
        <row r="841">
          <cell r="DT841" t="str">
            <v/>
          </cell>
          <cell r="DU841" t="str">
            <v/>
          </cell>
        </row>
        <row r="842">
          <cell r="DT842" t="str">
            <v/>
          </cell>
          <cell r="DU842" t="str">
            <v/>
          </cell>
        </row>
        <row r="843">
          <cell r="DT843" t="str">
            <v/>
          </cell>
          <cell r="DU843" t="str">
            <v/>
          </cell>
        </row>
        <row r="844">
          <cell r="DT844" t="str">
            <v/>
          </cell>
          <cell r="DU844" t="str">
            <v/>
          </cell>
        </row>
        <row r="845">
          <cell r="DT845" t="str">
            <v/>
          </cell>
          <cell r="DU845" t="str">
            <v/>
          </cell>
        </row>
        <row r="846">
          <cell r="DT846" t="str">
            <v/>
          </cell>
          <cell r="DU846" t="str">
            <v/>
          </cell>
        </row>
        <row r="847">
          <cell r="DT847" t="str">
            <v/>
          </cell>
          <cell r="DU847" t="str">
            <v/>
          </cell>
        </row>
        <row r="848">
          <cell r="DT848" t="str">
            <v/>
          </cell>
          <cell r="DU848" t="str">
            <v/>
          </cell>
        </row>
        <row r="849">
          <cell r="DT849" t="str">
            <v/>
          </cell>
          <cell r="DU849" t="str">
            <v/>
          </cell>
        </row>
        <row r="850">
          <cell r="DT850" t="str">
            <v/>
          </cell>
          <cell r="DU850" t="str">
            <v/>
          </cell>
        </row>
        <row r="851">
          <cell r="DT851" t="str">
            <v/>
          </cell>
          <cell r="DU851" t="str">
            <v/>
          </cell>
        </row>
        <row r="852">
          <cell r="DT852" t="str">
            <v/>
          </cell>
          <cell r="DU852" t="str">
            <v/>
          </cell>
        </row>
        <row r="853">
          <cell r="DT853" t="str">
            <v/>
          </cell>
          <cell r="DU853" t="str">
            <v/>
          </cell>
        </row>
        <row r="854">
          <cell r="DT854" t="str">
            <v/>
          </cell>
          <cell r="DU854" t="str">
            <v/>
          </cell>
        </row>
        <row r="855">
          <cell r="DT855" t="str">
            <v/>
          </cell>
          <cell r="DU855" t="str">
            <v/>
          </cell>
        </row>
        <row r="856">
          <cell r="DT856" t="str">
            <v/>
          </cell>
          <cell r="DU856" t="str">
            <v/>
          </cell>
        </row>
        <row r="857">
          <cell r="DT857" t="str">
            <v/>
          </cell>
          <cell r="DU857" t="str">
            <v/>
          </cell>
        </row>
        <row r="858">
          <cell r="DT858" t="str">
            <v/>
          </cell>
          <cell r="DU858" t="str">
            <v/>
          </cell>
        </row>
        <row r="859">
          <cell r="DT859" t="str">
            <v/>
          </cell>
          <cell r="DU859" t="str">
            <v/>
          </cell>
        </row>
        <row r="860">
          <cell r="DT860" t="str">
            <v/>
          </cell>
          <cell r="DU860" t="str">
            <v/>
          </cell>
        </row>
        <row r="861">
          <cell r="DT861" t="str">
            <v/>
          </cell>
          <cell r="DU861" t="str">
            <v/>
          </cell>
        </row>
        <row r="862">
          <cell r="DT862" t="str">
            <v/>
          </cell>
          <cell r="DU862" t="str">
            <v/>
          </cell>
        </row>
        <row r="863">
          <cell r="DT863" t="str">
            <v/>
          </cell>
          <cell r="DU863" t="str">
            <v/>
          </cell>
        </row>
        <row r="864">
          <cell r="DT864" t="str">
            <v/>
          </cell>
          <cell r="DU864" t="str">
            <v/>
          </cell>
        </row>
        <row r="865">
          <cell r="DT865" t="str">
            <v/>
          </cell>
          <cell r="DU865" t="str">
            <v/>
          </cell>
        </row>
        <row r="866">
          <cell r="DT866" t="str">
            <v/>
          </cell>
          <cell r="DU866" t="str">
            <v/>
          </cell>
        </row>
        <row r="867">
          <cell r="DT867" t="str">
            <v/>
          </cell>
          <cell r="DU867" t="str">
            <v/>
          </cell>
        </row>
        <row r="868">
          <cell r="DT868" t="str">
            <v/>
          </cell>
          <cell r="DU868" t="str">
            <v/>
          </cell>
        </row>
        <row r="869">
          <cell r="DT869" t="str">
            <v/>
          </cell>
          <cell r="DU869" t="str">
            <v/>
          </cell>
        </row>
        <row r="870">
          <cell r="DT870" t="str">
            <v/>
          </cell>
          <cell r="DU870" t="str">
            <v/>
          </cell>
        </row>
        <row r="871">
          <cell r="DT871" t="str">
            <v/>
          </cell>
          <cell r="DU871" t="str">
            <v/>
          </cell>
        </row>
        <row r="872">
          <cell r="DT872" t="str">
            <v/>
          </cell>
          <cell r="DU872" t="str">
            <v/>
          </cell>
        </row>
        <row r="873">
          <cell r="DT873" t="str">
            <v/>
          </cell>
          <cell r="DU873" t="str">
            <v/>
          </cell>
        </row>
        <row r="874">
          <cell r="DT874" t="str">
            <v/>
          </cell>
          <cell r="DU874" t="str">
            <v/>
          </cell>
        </row>
        <row r="875">
          <cell r="DT875" t="str">
            <v/>
          </cell>
          <cell r="DU875" t="str">
            <v/>
          </cell>
        </row>
        <row r="876">
          <cell r="DT876" t="str">
            <v/>
          </cell>
          <cell r="DU876" t="str">
            <v/>
          </cell>
        </row>
        <row r="877">
          <cell r="DT877" t="str">
            <v/>
          </cell>
          <cell r="DU877" t="str">
            <v/>
          </cell>
        </row>
        <row r="878">
          <cell r="DT878" t="str">
            <v/>
          </cell>
          <cell r="DU878" t="str">
            <v/>
          </cell>
        </row>
        <row r="879">
          <cell r="DT879" t="str">
            <v/>
          </cell>
          <cell r="DU879" t="str">
            <v/>
          </cell>
        </row>
        <row r="880">
          <cell r="DT880" t="str">
            <v/>
          </cell>
          <cell r="DU880" t="str">
            <v/>
          </cell>
        </row>
        <row r="881">
          <cell r="DT881" t="str">
            <v/>
          </cell>
          <cell r="DU881" t="str">
            <v/>
          </cell>
        </row>
        <row r="882">
          <cell r="DT882" t="str">
            <v/>
          </cell>
          <cell r="DU882" t="str">
            <v/>
          </cell>
        </row>
        <row r="883">
          <cell r="DT883" t="str">
            <v/>
          </cell>
          <cell r="DU883" t="str">
            <v/>
          </cell>
        </row>
        <row r="884">
          <cell r="DT884" t="str">
            <v/>
          </cell>
          <cell r="DU884" t="str">
            <v/>
          </cell>
        </row>
        <row r="885">
          <cell r="DT885" t="str">
            <v/>
          </cell>
          <cell r="DU885" t="str">
            <v/>
          </cell>
        </row>
        <row r="886">
          <cell r="DT886" t="str">
            <v/>
          </cell>
          <cell r="DU886" t="str">
            <v/>
          </cell>
        </row>
        <row r="887">
          <cell r="DT887" t="str">
            <v/>
          </cell>
          <cell r="DU887" t="str">
            <v/>
          </cell>
        </row>
        <row r="888">
          <cell r="DT888" t="str">
            <v/>
          </cell>
          <cell r="DU888" t="str">
            <v/>
          </cell>
        </row>
        <row r="889">
          <cell r="DT889" t="str">
            <v/>
          </cell>
          <cell r="DU889" t="str">
            <v/>
          </cell>
        </row>
        <row r="890">
          <cell r="DT890" t="str">
            <v/>
          </cell>
          <cell r="DU890" t="str">
            <v/>
          </cell>
        </row>
        <row r="891">
          <cell r="DT891" t="str">
            <v/>
          </cell>
          <cell r="DU891" t="str">
            <v/>
          </cell>
        </row>
        <row r="892">
          <cell r="DT892" t="str">
            <v/>
          </cell>
          <cell r="DU892" t="str">
            <v/>
          </cell>
        </row>
        <row r="893">
          <cell r="DT893" t="str">
            <v/>
          </cell>
          <cell r="DU893" t="str">
            <v/>
          </cell>
        </row>
        <row r="894">
          <cell r="DT894" t="str">
            <v/>
          </cell>
          <cell r="DU894" t="str">
            <v/>
          </cell>
        </row>
        <row r="895">
          <cell r="DT895" t="str">
            <v/>
          </cell>
          <cell r="DU895" t="str">
            <v/>
          </cell>
        </row>
        <row r="896">
          <cell r="DT896" t="str">
            <v/>
          </cell>
          <cell r="DU896" t="str">
            <v/>
          </cell>
        </row>
        <row r="897">
          <cell r="DT897" t="str">
            <v/>
          </cell>
          <cell r="DU897" t="str">
            <v/>
          </cell>
        </row>
        <row r="898">
          <cell r="DT898" t="str">
            <v/>
          </cell>
          <cell r="DU898" t="str">
            <v/>
          </cell>
        </row>
        <row r="899">
          <cell r="DT899" t="str">
            <v/>
          </cell>
          <cell r="DU899" t="str">
            <v/>
          </cell>
        </row>
        <row r="900">
          <cell r="DT900" t="str">
            <v/>
          </cell>
          <cell r="DU900" t="str">
            <v/>
          </cell>
        </row>
        <row r="901">
          <cell r="DT901" t="str">
            <v/>
          </cell>
          <cell r="DU901" t="str">
            <v/>
          </cell>
        </row>
        <row r="902">
          <cell r="DT902" t="str">
            <v/>
          </cell>
          <cell r="DU902" t="str">
            <v/>
          </cell>
        </row>
        <row r="903">
          <cell r="DT903" t="str">
            <v/>
          </cell>
          <cell r="DU903" t="str">
            <v/>
          </cell>
        </row>
        <row r="904">
          <cell r="DT904" t="str">
            <v/>
          </cell>
          <cell r="DU904" t="str">
            <v/>
          </cell>
        </row>
        <row r="905">
          <cell r="DT905" t="str">
            <v/>
          </cell>
          <cell r="DU905" t="str">
            <v/>
          </cell>
        </row>
        <row r="906">
          <cell r="DT906" t="str">
            <v/>
          </cell>
          <cell r="DU906" t="str">
            <v/>
          </cell>
        </row>
        <row r="907">
          <cell r="DT907" t="str">
            <v/>
          </cell>
          <cell r="DU907" t="str">
            <v/>
          </cell>
        </row>
        <row r="908">
          <cell r="DT908" t="str">
            <v/>
          </cell>
          <cell r="DU908" t="str">
            <v/>
          </cell>
        </row>
        <row r="909">
          <cell r="DT909" t="str">
            <v/>
          </cell>
          <cell r="DU909" t="str">
            <v/>
          </cell>
        </row>
        <row r="910">
          <cell r="DT910" t="str">
            <v/>
          </cell>
          <cell r="DU910" t="str">
            <v/>
          </cell>
        </row>
        <row r="911">
          <cell r="DT911" t="str">
            <v/>
          </cell>
          <cell r="DU911" t="str">
            <v/>
          </cell>
        </row>
        <row r="912">
          <cell r="DT912" t="str">
            <v/>
          </cell>
          <cell r="DU912" t="str">
            <v/>
          </cell>
        </row>
        <row r="913">
          <cell r="DT913" t="str">
            <v/>
          </cell>
          <cell r="DU913" t="str">
            <v/>
          </cell>
        </row>
        <row r="914">
          <cell r="DT914" t="str">
            <v/>
          </cell>
          <cell r="DU914" t="str">
            <v/>
          </cell>
        </row>
        <row r="915">
          <cell r="DT915" t="str">
            <v/>
          </cell>
          <cell r="DU915" t="str">
            <v/>
          </cell>
        </row>
        <row r="916">
          <cell r="DT916" t="str">
            <v/>
          </cell>
          <cell r="DU916" t="str">
            <v/>
          </cell>
        </row>
        <row r="917">
          <cell r="DT917" t="str">
            <v/>
          </cell>
          <cell r="DU917" t="str">
            <v/>
          </cell>
        </row>
        <row r="918">
          <cell r="DT918" t="str">
            <v/>
          </cell>
          <cell r="DU918" t="str">
            <v/>
          </cell>
        </row>
        <row r="919">
          <cell r="DT919" t="str">
            <v/>
          </cell>
          <cell r="DU919" t="str">
            <v/>
          </cell>
        </row>
        <row r="920">
          <cell r="DT920" t="str">
            <v/>
          </cell>
          <cell r="DU920" t="str">
            <v/>
          </cell>
        </row>
        <row r="921">
          <cell r="DT921" t="str">
            <v/>
          </cell>
          <cell r="DU921" t="str">
            <v/>
          </cell>
        </row>
        <row r="922">
          <cell r="DT922" t="str">
            <v/>
          </cell>
          <cell r="DU922" t="str">
            <v/>
          </cell>
        </row>
        <row r="923">
          <cell r="DT923" t="str">
            <v/>
          </cell>
          <cell r="DU923" t="str">
            <v/>
          </cell>
        </row>
        <row r="924">
          <cell r="DT924" t="str">
            <v/>
          </cell>
          <cell r="DU924" t="str">
            <v/>
          </cell>
        </row>
        <row r="925">
          <cell r="DT925" t="str">
            <v/>
          </cell>
          <cell r="DU925" t="str">
            <v/>
          </cell>
        </row>
        <row r="926">
          <cell r="DT926" t="str">
            <v/>
          </cell>
          <cell r="DU926" t="str">
            <v/>
          </cell>
        </row>
        <row r="927">
          <cell r="DT927" t="str">
            <v/>
          </cell>
          <cell r="DU927" t="str">
            <v/>
          </cell>
        </row>
        <row r="928">
          <cell r="DT928" t="str">
            <v/>
          </cell>
          <cell r="DU928" t="str">
            <v/>
          </cell>
        </row>
        <row r="929">
          <cell r="DT929" t="str">
            <v/>
          </cell>
          <cell r="DU929" t="str">
            <v/>
          </cell>
        </row>
        <row r="930">
          <cell r="DT930" t="str">
            <v/>
          </cell>
          <cell r="DU930" t="str">
            <v/>
          </cell>
        </row>
        <row r="931">
          <cell r="DT931" t="str">
            <v/>
          </cell>
          <cell r="DU931" t="str">
            <v/>
          </cell>
        </row>
        <row r="932">
          <cell r="DT932" t="str">
            <v/>
          </cell>
          <cell r="DU932" t="str">
            <v/>
          </cell>
        </row>
        <row r="933">
          <cell r="DT933" t="str">
            <v/>
          </cell>
          <cell r="DU933" t="str">
            <v/>
          </cell>
        </row>
        <row r="934">
          <cell r="DT934" t="str">
            <v/>
          </cell>
          <cell r="DU934" t="str">
            <v/>
          </cell>
        </row>
        <row r="935">
          <cell r="DT935" t="str">
            <v/>
          </cell>
          <cell r="DU935" t="str">
            <v/>
          </cell>
        </row>
        <row r="936">
          <cell r="DT936" t="str">
            <v/>
          </cell>
          <cell r="DU936" t="str">
            <v/>
          </cell>
        </row>
        <row r="937">
          <cell r="DT937" t="str">
            <v/>
          </cell>
          <cell r="DU937" t="str">
            <v/>
          </cell>
        </row>
        <row r="938">
          <cell r="DT938" t="str">
            <v/>
          </cell>
          <cell r="DU938" t="str">
            <v/>
          </cell>
        </row>
        <row r="939">
          <cell r="DT939" t="str">
            <v/>
          </cell>
          <cell r="DU939" t="str">
            <v/>
          </cell>
        </row>
        <row r="940">
          <cell r="DT940" t="str">
            <v/>
          </cell>
          <cell r="DU940" t="str">
            <v/>
          </cell>
        </row>
        <row r="941">
          <cell r="DT941" t="str">
            <v/>
          </cell>
          <cell r="DU941" t="str">
            <v/>
          </cell>
        </row>
        <row r="942">
          <cell r="DT942" t="str">
            <v/>
          </cell>
          <cell r="DU942" t="str">
            <v/>
          </cell>
        </row>
        <row r="943">
          <cell r="DT943" t="str">
            <v/>
          </cell>
          <cell r="DU943" t="str">
            <v/>
          </cell>
        </row>
        <row r="944">
          <cell r="DT944" t="str">
            <v/>
          </cell>
          <cell r="DU944" t="str">
            <v/>
          </cell>
        </row>
        <row r="945">
          <cell r="DT945" t="str">
            <v/>
          </cell>
          <cell r="DU945" t="str">
            <v/>
          </cell>
        </row>
        <row r="946">
          <cell r="DT946" t="str">
            <v/>
          </cell>
          <cell r="DU946" t="str">
            <v/>
          </cell>
        </row>
        <row r="947">
          <cell r="DT947" t="str">
            <v/>
          </cell>
          <cell r="DU947" t="str">
            <v/>
          </cell>
        </row>
        <row r="948">
          <cell r="DT948" t="str">
            <v/>
          </cell>
          <cell r="DU948" t="str">
            <v/>
          </cell>
        </row>
        <row r="949">
          <cell r="DT949" t="str">
            <v/>
          </cell>
          <cell r="DU949" t="str">
            <v/>
          </cell>
        </row>
        <row r="950">
          <cell r="DT950" t="str">
            <v/>
          </cell>
          <cell r="DU950" t="str">
            <v/>
          </cell>
        </row>
        <row r="951">
          <cell r="DT951" t="str">
            <v/>
          </cell>
          <cell r="DU951" t="str">
            <v/>
          </cell>
        </row>
        <row r="952">
          <cell r="DT952" t="str">
            <v/>
          </cell>
          <cell r="DU952" t="str">
            <v/>
          </cell>
        </row>
        <row r="953">
          <cell r="DT953" t="str">
            <v/>
          </cell>
          <cell r="DU953" t="str">
            <v/>
          </cell>
        </row>
        <row r="954">
          <cell r="DT954" t="str">
            <v/>
          </cell>
          <cell r="DU954" t="str">
            <v/>
          </cell>
        </row>
        <row r="955">
          <cell r="DT955" t="str">
            <v/>
          </cell>
          <cell r="DU955" t="str">
            <v/>
          </cell>
        </row>
        <row r="956">
          <cell r="DT956" t="str">
            <v/>
          </cell>
          <cell r="DU956" t="str">
            <v/>
          </cell>
        </row>
        <row r="957">
          <cell r="DT957" t="str">
            <v/>
          </cell>
          <cell r="DU957" t="str">
            <v/>
          </cell>
        </row>
        <row r="958">
          <cell r="DT958" t="str">
            <v/>
          </cell>
          <cell r="DU958" t="str">
            <v/>
          </cell>
        </row>
        <row r="959">
          <cell r="DT959" t="str">
            <v/>
          </cell>
          <cell r="DU959" t="str">
            <v/>
          </cell>
        </row>
        <row r="960">
          <cell r="DT960" t="str">
            <v/>
          </cell>
          <cell r="DU960" t="str">
            <v/>
          </cell>
        </row>
        <row r="961">
          <cell r="DT961" t="str">
            <v/>
          </cell>
          <cell r="DU961" t="str">
            <v/>
          </cell>
        </row>
        <row r="962">
          <cell r="DT962" t="str">
            <v/>
          </cell>
          <cell r="DU962" t="str">
            <v/>
          </cell>
        </row>
        <row r="963">
          <cell r="DT963" t="str">
            <v/>
          </cell>
          <cell r="DU963" t="str">
            <v/>
          </cell>
        </row>
        <row r="964">
          <cell r="DT964" t="str">
            <v/>
          </cell>
          <cell r="DU964" t="str">
            <v/>
          </cell>
        </row>
        <row r="965">
          <cell r="DT965" t="str">
            <v/>
          </cell>
          <cell r="DU965" t="str">
            <v/>
          </cell>
        </row>
        <row r="966">
          <cell r="DT966" t="str">
            <v/>
          </cell>
          <cell r="DU966" t="str">
            <v/>
          </cell>
        </row>
        <row r="967">
          <cell r="DT967" t="str">
            <v/>
          </cell>
          <cell r="DU967" t="str">
            <v/>
          </cell>
        </row>
        <row r="968">
          <cell r="DT968" t="str">
            <v/>
          </cell>
          <cell r="DU968" t="str">
            <v/>
          </cell>
        </row>
        <row r="969">
          <cell r="DT969" t="str">
            <v/>
          </cell>
          <cell r="DU969" t="str">
            <v/>
          </cell>
        </row>
        <row r="970">
          <cell r="DT970" t="str">
            <v/>
          </cell>
          <cell r="DU970" t="str">
            <v/>
          </cell>
        </row>
        <row r="971">
          <cell r="DT971" t="str">
            <v/>
          </cell>
          <cell r="DU971" t="str">
            <v/>
          </cell>
        </row>
        <row r="972">
          <cell r="DT972" t="str">
            <v/>
          </cell>
          <cell r="DU972" t="str">
            <v/>
          </cell>
        </row>
        <row r="973">
          <cell r="DT973" t="str">
            <v/>
          </cell>
          <cell r="DU973" t="str">
            <v/>
          </cell>
        </row>
        <row r="974">
          <cell r="DT974" t="str">
            <v/>
          </cell>
          <cell r="DU974" t="str">
            <v/>
          </cell>
        </row>
        <row r="975">
          <cell r="DT975" t="str">
            <v/>
          </cell>
          <cell r="DU975" t="str">
            <v/>
          </cell>
        </row>
        <row r="976">
          <cell r="DT976" t="str">
            <v/>
          </cell>
          <cell r="DU976" t="str">
            <v/>
          </cell>
        </row>
        <row r="977">
          <cell r="DT977" t="str">
            <v/>
          </cell>
          <cell r="DU977" t="str">
            <v/>
          </cell>
        </row>
        <row r="978">
          <cell r="DT978" t="str">
            <v/>
          </cell>
          <cell r="DU978" t="str">
            <v/>
          </cell>
        </row>
        <row r="979">
          <cell r="DT979" t="str">
            <v/>
          </cell>
          <cell r="DU979" t="str">
            <v/>
          </cell>
        </row>
        <row r="980">
          <cell r="DT980" t="str">
            <v/>
          </cell>
          <cell r="DU980" t="str">
            <v/>
          </cell>
        </row>
        <row r="981">
          <cell r="DT981" t="str">
            <v/>
          </cell>
          <cell r="DU981" t="str">
            <v/>
          </cell>
        </row>
        <row r="982">
          <cell r="DT982" t="str">
            <v/>
          </cell>
          <cell r="DU982" t="str">
            <v/>
          </cell>
        </row>
        <row r="983">
          <cell r="DT983" t="str">
            <v/>
          </cell>
          <cell r="DU983" t="str">
            <v/>
          </cell>
        </row>
        <row r="984">
          <cell r="DT984" t="str">
            <v/>
          </cell>
          <cell r="DU984" t="str">
            <v/>
          </cell>
        </row>
        <row r="985">
          <cell r="DT985" t="str">
            <v/>
          </cell>
          <cell r="DU985" t="str">
            <v/>
          </cell>
        </row>
        <row r="986">
          <cell r="DT986" t="str">
            <v/>
          </cell>
          <cell r="DU986" t="str">
            <v/>
          </cell>
        </row>
        <row r="987">
          <cell r="DT987" t="str">
            <v/>
          </cell>
          <cell r="DU987" t="str">
            <v/>
          </cell>
        </row>
        <row r="988">
          <cell r="DT988" t="str">
            <v/>
          </cell>
          <cell r="DU988" t="str">
            <v/>
          </cell>
        </row>
        <row r="989">
          <cell r="DT989" t="str">
            <v/>
          </cell>
          <cell r="DU989" t="str">
            <v/>
          </cell>
        </row>
        <row r="990">
          <cell r="DT990" t="str">
            <v/>
          </cell>
          <cell r="DU990" t="str">
            <v/>
          </cell>
        </row>
        <row r="991">
          <cell r="DT991" t="str">
            <v/>
          </cell>
          <cell r="DU991" t="str">
            <v/>
          </cell>
        </row>
        <row r="992">
          <cell r="DT992" t="str">
            <v/>
          </cell>
          <cell r="DU992" t="str">
            <v/>
          </cell>
        </row>
        <row r="993">
          <cell r="DT993" t="str">
            <v/>
          </cell>
          <cell r="DU993" t="str">
            <v/>
          </cell>
        </row>
        <row r="994">
          <cell r="DT994" t="str">
            <v/>
          </cell>
          <cell r="DU994" t="str">
            <v/>
          </cell>
        </row>
        <row r="995">
          <cell r="DT995" t="str">
            <v/>
          </cell>
          <cell r="DU995" t="str">
            <v/>
          </cell>
        </row>
        <row r="996">
          <cell r="DT996" t="str">
            <v/>
          </cell>
          <cell r="DU996" t="str">
            <v/>
          </cell>
        </row>
        <row r="997">
          <cell r="DT997" t="str">
            <v/>
          </cell>
          <cell r="DU997" t="str">
            <v/>
          </cell>
        </row>
        <row r="998">
          <cell r="DT998" t="str">
            <v/>
          </cell>
          <cell r="DU998" t="str">
            <v/>
          </cell>
        </row>
        <row r="999">
          <cell r="DT999" t="str">
            <v/>
          </cell>
          <cell r="DU999" t="str">
            <v/>
          </cell>
        </row>
        <row r="1000">
          <cell r="DT1000" t="str">
            <v/>
          </cell>
          <cell r="DU1000" t="str">
            <v/>
          </cell>
        </row>
        <row r="1001">
          <cell r="DT1001" t="str">
            <v/>
          </cell>
          <cell r="DU1001" t="str">
            <v/>
          </cell>
        </row>
        <row r="1002">
          <cell r="DT1002" t="str">
            <v/>
          </cell>
          <cell r="DU1002" t="str">
            <v/>
          </cell>
        </row>
        <row r="1003">
          <cell r="DT1003" t="str">
            <v/>
          </cell>
          <cell r="DU1003" t="str">
            <v/>
          </cell>
        </row>
        <row r="1004">
          <cell r="DT1004" t="str">
            <v/>
          </cell>
          <cell r="DU1004" t="str">
            <v/>
          </cell>
        </row>
        <row r="1005">
          <cell r="DT1005" t="str">
            <v/>
          </cell>
          <cell r="DU1005" t="str">
            <v/>
          </cell>
        </row>
        <row r="1006">
          <cell r="DT1006" t="str">
            <v/>
          </cell>
          <cell r="DU1006" t="str">
            <v/>
          </cell>
        </row>
        <row r="1007">
          <cell r="DT1007" t="str">
            <v/>
          </cell>
          <cell r="DU1007" t="str">
            <v/>
          </cell>
        </row>
        <row r="1008">
          <cell r="DT1008" t="str">
            <v/>
          </cell>
          <cell r="DU1008" t="str">
            <v/>
          </cell>
        </row>
        <row r="1009">
          <cell r="DT1009" t="str">
            <v/>
          </cell>
          <cell r="DU1009" t="str">
            <v/>
          </cell>
        </row>
        <row r="1010">
          <cell r="DT1010" t="str">
            <v/>
          </cell>
          <cell r="DU1010" t="str">
            <v/>
          </cell>
        </row>
        <row r="1011">
          <cell r="DT1011" t="str">
            <v/>
          </cell>
          <cell r="DU1011" t="str">
            <v/>
          </cell>
        </row>
        <row r="1012">
          <cell r="DT1012" t="str">
            <v/>
          </cell>
          <cell r="DU1012" t="str">
            <v/>
          </cell>
        </row>
        <row r="1013">
          <cell r="DT1013" t="str">
            <v/>
          </cell>
          <cell r="DU1013" t="str">
            <v/>
          </cell>
        </row>
        <row r="1014">
          <cell r="DT1014" t="str">
            <v/>
          </cell>
          <cell r="DU1014" t="str">
            <v/>
          </cell>
        </row>
        <row r="1015">
          <cell r="DT1015" t="str">
            <v/>
          </cell>
          <cell r="DU1015" t="str">
            <v/>
          </cell>
        </row>
        <row r="1016">
          <cell r="DT1016" t="str">
            <v/>
          </cell>
          <cell r="DU1016" t="str">
            <v/>
          </cell>
        </row>
        <row r="1017">
          <cell r="DT1017" t="str">
            <v/>
          </cell>
          <cell r="DU1017" t="str">
            <v/>
          </cell>
        </row>
        <row r="1018">
          <cell r="DT1018" t="str">
            <v/>
          </cell>
          <cell r="DU1018" t="str">
            <v/>
          </cell>
        </row>
        <row r="1019">
          <cell r="DT1019" t="str">
            <v/>
          </cell>
          <cell r="DU1019" t="str">
            <v/>
          </cell>
        </row>
        <row r="1020">
          <cell r="DT1020" t="str">
            <v/>
          </cell>
          <cell r="DU1020" t="str">
            <v/>
          </cell>
        </row>
        <row r="1021">
          <cell r="DT1021" t="str">
            <v/>
          </cell>
          <cell r="DU1021" t="str">
            <v/>
          </cell>
        </row>
        <row r="1022">
          <cell r="DT1022" t="str">
            <v/>
          </cell>
          <cell r="DU1022" t="str">
            <v/>
          </cell>
        </row>
        <row r="1023">
          <cell r="DT1023" t="str">
            <v/>
          </cell>
          <cell r="DU1023" t="str">
            <v/>
          </cell>
        </row>
        <row r="1024">
          <cell r="DT1024" t="str">
            <v/>
          </cell>
          <cell r="DU1024" t="str">
            <v/>
          </cell>
        </row>
        <row r="1025">
          <cell r="DT1025" t="str">
            <v/>
          </cell>
          <cell r="DU1025" t="str">
            <v/>
          </cell>
        </row>
        <row r="1026">
          <cell r="DT1026" t="str">
            <v/>
          </cell>
          <cell r="DU1026" t="str">
            <v/>
          </cell>
        </row>
        <row r="1027">
          <cell r="DT1027" t="str">
            <v/>
          </cell>
          <cell r="DU1027" t="str">
            <v/>
          </cell>
        </row>
        <row r="1028">
          <cell r="DT1028" t="str">
            <v/>
          </cell>
          <cell r="DU1028" t="str">
            <v/>
          </cell>
        </row>
        <row r="1029">
          <cell r="DT1029" t="str">
            <v/>
          </cell>
          <cell r="DU1029" t="str">
            <v/>
          </cell>
        </row>
        <row r="1030">
          <cell r="DT1030" t="str">
            <v/>
          </cell>
          <cell r="DU1030" t="str">
            <v/>
          </cell>
        </row>
        <row r="1031">
          <cell r="DT1031" t="str">
            <v/>
          </cell>
          <cell r="DU1031" t="str">
            <v/>
          </cell>
        </row>
        <row r="1032">
          <cell r="DT1032" t="str">
            <v/>
          </cell>
          <cell r="DU1032" t="str">
            <v/>
          </cell>
        </row>
        <row r="1033">
          <cell r="DT1033" t="str">
            <v/>
          </cell>
          <cell r="DU1033" t="str">
            <v/>
          </cell>
        </row>
        <row r="1034">
          <cell r="DT1034" t="str">
            <v/>
          </cell>
          <cell r="DU1034" t="str">
            <v/>
          </cell>
        </row>
        <row r="1035">
          <cell r="DT1035" t="str">
            <v/>
          </cell>
          <cell r="DU1035" t="str">
            <v/>
          </cell>
        </row>
        <row r="1036">
          <cell r="DT1036" t="str">
            <v/>
          </cell>
          <cell r="DU1036" t="str">
            <v/>
          </cell>
        </row>
        <row r="1037">
          <cell r="DT1037" t="str">
            <v/>
          </cell>
          <cell r="DU1037" t="str">
            <v/>
          </cell>
        </row>
        <row r="1038">
          <cell r="DT1038" t="str">
            <v/>
          </cell>
          <cell r="DU1038" t="str">
            <v/>
          </cell>
        </row>
        <row r="1039">
          <cell r="DT1039" t="str">
            <v/>
          </cell>
          <cell r="DU1039" t="str">
            <v/>
          </cell>
        </row>
        <row r="1040">
          <cell r="DT1040" t="str">
            <v/>
          </cell>
          <cell r="DU1040" t="str">
            <v/>
          </cell>
        </row>
      </sheetData>
      <sheetData sheetId="7"/>
      <sheetData sheetId="8"/>
    </sheetDataSet>
  </externalBook>
</externalLink>
</file>

<file path=xl/externalLinks/externalLink16.xml><?xml version="1.0" encoding="utf-8"?>
<externalLink xmlns="http://schemas.openxmlformats.org/spreadsheetml/2006/main">
  <externalBook xmlns:r="http://schemas.openxmlformats.org/officeDocument/2006/relationships" r:id="rId1">
    <sheetNames>
      <sheetName val="工事名"/>
      <sheetName val="印刷画面"/>
      <sheetName val="経費率入力"/>
      <sheetName val="Sheet1"/>
      <sheetName val="設計書１出力"/>
      <sheetName val="金抜き設計書出力"/>
      <sheetName val="設計書入力"/>
      <sheetName val="設計書出力"/>
      <sheetName val="Sheet2"/>
    </sheetNames>
    <sheetDataSet>
      <sheetData sheetId="0"/>
      <sheetData sheetId="1"/>
      <sheetData sheetId="2"/>
      <sheetData sheetId="3"/>
      <sheetData sheetId="4"/>
      <sheetData sheetId="5"/>
      <sheetData sheetId="6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0</v>
          </cell>
          <cell r="FE22">
            <v>0</v>
          </cell>
          <cell r="FF22">
            <v>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 t="str">
            <v/>
          </cell>
          <cell r="DU25" t="str">
            <v/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 t="str">
            <v/>
          </cell>
          <cell r="DU80" t="str">
            <v/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 t="str">
            <v/>
          </cell>
          <cell r="DU122" t="str">
            <v/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  <row r="701">
          <cell r="DT701" t="str">
            <v/>
          </cell>
          <cell r="DU701" t="str">
            <v/>
          </cell>
        </row>
        <row r="702">
          <cell r="DT702" t="str">
            <v/>
          </cell>
          <cell r="DU702" t="str">
            <v/>
          </cell>
        </row>
        <row r="703">
          <cell r="DT703" t="str">
            <v/>
          </cell>
          <cell r="DU703" t="str">
            <v/>
          </cell>
        </row>
        <row r="704">
          <cell r="DT704" t="str">
            <v/>
          </cell>
          <cell r="DU704" t="str">
            <v/>
          </cell>
        </row>
        <row r="705">
          <cell r="DT705" t="str">
            <v/>
          </cell>
          <cell r="DU705" t="str">
            <v/>
          </cell>
        </row>
        <row r="706">
          <cell r="DT706" t="str">
            <v/>
          </cell>
          <cell r="DU706" t="str">
            <v/>
          </cell>
        </row>
        <row r="707">
          <cell r="DT707" t="str">
            <v/>
          </cell>
          <cell r="DU707" t="str">
            <v/>
          </cell>
        </row>
        <row r="708">
          <cell r="DT708" t="str">
            <v/>
          </cell>
          <cell r="DU708" t="str">
            <v/>
          </cell>
        </row>
        <row r="709">
          <cell r="DT709" t="str">
            <v/>
          </cell>
          <cell r="DU709" t="str">
            <v/>
          </cell>
        </row>
        <row r="710">
          <cell r="DT710" t="str">
            <v/>
          </cell>
          <cell r="DU710" t="str">
            <v/>
          </cell>
        </row>
        <row r="711">
          <cell r="DT711" t="str">
            <v/>
          </cell>
          <cell r="DU711" t="str">
            <v/>
          </cell>
        </row>
        <row r="712">
          <cell r="DT712" t="str">
            <v/>
          </cell>
          <cell r="DU712" t="str">
            <v/>
          </cell>
        </row>
        <row r="713">
          <cell r="DT713" t="str">
            <v/>
          </cell>
          <cell r="DU713" t="str">
            <v/>
          </cell>
        </row>
        <row r="714">
          <cell r="DT714" t="str">
            <v/>
          </cell>
          <cell r="DU714" t="str">
            <v/>
          </cell>
        </row>
        <row r="715">
          <cell r="DT715" t="str">
            <v/>
          </cell>
          <cell r="DU715" t="str">
            <v/>
          </cell>
        </row>
        <row r="716">
          <cell r="DT716" t="str">
            <v/>
          </cell>
          <cell r="DU716" t="str">
            <v/>
          </cell>
        </row>
        <row r="717">
          <cell r="DT717" t="str">
            <v/>
          </cell>
          <cell r="DU717" t="str">
            <v/>
          </cell>
        </row>
        <row r="718">
          <cell r="DT718" t="str">
            <v/>
          </cell>
          <cell r="DU718" t="str">
            <v/>
          </cell>
        </row>
        <row r="719">
          <cell r="DT719" t="str">
            <v/>
          </cell>
          <cell r="DU719" t="str">
            <v/>
          </cell>
        </row>
        <row r="720">
          <cell r="DT720" t="str">
            <v/>
          </cell>
          <cell r="DU720" t="str">
            <v/>
          </cell>
        </row>
        <row r="721">
          <cell r="DT721" t="str">
            <v/>
          </cell>
          <cell r="DU721" t="str">
            <v/>
          </cell>
        </row>
        <row r="722">
          <cell r="DT722" t="str">
            <v/>
          </cell>
          <cell r="DU722" t="str">
            <v/>
          </cell>
        </row>
        <row r="723">
          <cell r="DT723" t="str">
            <v/>
          </cell>
          <cell r="DU723" t="str">
            <v/>
          </cell>
        </row>
        <row r="724">
          <cell r="DT724" t="str">
            <v/>
          </cell>
          <cell r="DU724" t="str">
            <v/>
          </cell>
        </row>
        <row r="725">
          <cell r="DT725" t="str">
            <v/>
          </cell>
          <cell r="DU725" t="str">
            <v/>
          </cell>
        </row>
        <row r="726">
          <cell r="DT726" t="str">
            <v/>
          </cell>
          <cell r="DU726" t="str">
            <v/>
          </cell>
        </row>
        <row r="727">
          <cell r="DT727" t="str">
            <v/>
          </cell>
          <cell r="DU727" t="str">
            <v/>
          </cell>
        </row>
        <row r="728">
          <cell r="DT728" t="str">
            <v/>
          </cell>
          <cell r="DU728" t="str">
            <v/>
          </cell>
        </row>
        <row r="729">
          <cell r="DT729" t="str">
            <v/>
          </cell>
          <cell r="DU729" t="str">
            <v/>
          </cell>
        </row>
        <row r="730">
          <cell r="DT730" t="str">
            <v/>
          </cell>
          <cell r="DU730" t="str">
            <v/>
          </cell>
        </row>
        <row r="731">
          <cell r="DT731" t="str">
            <v/>
          </cell>
          <cell r="DU731" t="str">
            <v/>
          </cell>
        </row>
        <row r="732">
          <cell r="DT732" t="str">
            <v/>
          </cell>
          <cell r="DU732" t="str">
            <v/>
          </cell>
        </row>
        <row r="733">
          <cell r="DT733" t="str">
            <v/>
          </cell>
          <cell r="DU733" t="str">
            <v/>
          </cell>
        </row>
        <row r="734">
          <cell r="DT734" t="str">
            <v/>
          </cell>
          <cell r="DU734" t="str">
            <v/>
          </cell>
        </row>
        <row r="735">
          <cell r="DT735" t="str">
            <v/>
          </cell>
          <cell r="DU735" t="str">
            <v/>
          </cell>
        </row>
        <row r="736">
          <cell r="DT736" t="str">
            <v/>
          </cell>
          <cell r="DU736" t="str">
            <v/>
          </cell>
        </row>
        <row r="737">
          <cell r="DT737" t="str">
            <v/>
          </cell>
          <cell r="DU737" t="str">
            <v/>
          </cell>
        </row>
        <row r="738">
          <cell r="DT738" t="str">
            <v/>
          </cell>
          <cell r="DU738" t="str">
            <v/>
          </cell>
        </row>
        <row r="739">
          <cell r="DT739" t="str">
            <v/>
          </cell>
          <cell r="DU739" t="str">
            <v/>
          </cell>
        </row>
        <row r="740">
          <cell r="DT740" t="str">
            <v/>
          </cell>
          <cell r="DU740" t="str">
            <v/>
          </cell>
        </row>
        <row r="741">
          <cell r="DT741" t="str">
            <v/>
          </cell>
          <cell r="DU741" t="str">
            <v/>
          </cell>
        </row>
        <row r="742">
          <cell r="DT742" t="str">
            <v/>
          </cell>
          <cell r="DU742" t="str">
            <v/>
          </cell>
        </row>
        <row r="743">
          <cell r="DT743" t="str">
            <v/>
          </cell>
          <cell r="DU743" t="str">
            <v/>
          </cell>
        </row>
        <row r="744">
          <cell r="DT744" t="str">
            <v/>
          </cell>
          <cell r="DU744" t="str">
            <v/>
          </cell>
        </row>
        <row r="745">
          <cell r="DT745" t="str">
            <v/>
          </cell>
          <cell r="DU745" t="str">
            <v/>
          </cell>
        </row>
        <row r="746">
          <cell r="DT746" t="str">
            <v/>
          </cell>
          <cell r="DU746" t="str">
            <v/>
          </cell>
        </row>
        <row r="747">
          <cell r="DT747" t="str">
            <v/>
          </cell>
          <cell r="DU747" t="str">
            <v/>
          </cell>
        </row>
        <row r="748">
          <cell r="DT748" t="str">
            <v/>
          </cell>
          <cell r="DU748" t="str">
            <v/>
          </cell>
        </row>
        <row r="749">
          <cell r="DT749" t="str">
            <v/>
          </cell>
          <cell r="DU749" t="str">
            <v/>
          </cell>
        </row>
        <row r="750">
          <cell r="DT750" t="str">
            <v/>
          </cell>
          <cell r="DU750" t="str">
            <v/>
          </cell>
        </row>
        <row r="751">
          <cell r="DT751" t="str">
            <v/>
          </cell>
          <cell r="DU751" t="str">
            <v/>
          </cell>
        </row>
        <row r="752">
          <cell r="DT752" t="str">
            <v/>
          </cell>
          <cell r="DU752" t="str">
            <v/>
          </cell>
        </row>
        <row r="753">
          <cell r="DT753" t="str">
            <v/>
          </cell>
          <cell r="DU753" t="str">
            <v/>
          </cell>
        </row>
        <row r="754">
          <cell r="DT754" t="str">
            <v/>
          </cell>
          <cell r="DU754" t="str">
            <v/>
          </cell>
        </row>
        <row r="755">
          <cell r="DT755" t="str">
            <v/>
          </cell>
          <cell r="DU755" t="str">
            <v/>
          </cell>
        </row>
        <row r="756">
          <cell r="DT756" t="str">
            <v/>
          </cell>
          <cell r="DU756" t="str">
            <v/>
          </cell>
        </row>
        <row r="757">
          <cell r="DT757" t="str">
            <v/>
          </cell>
          <cell r="DU757" t="str">
            <v/>
          </cell>
        </row>
        <row r="758">
          <cell r="DT758" t="str">
            <v/>
          </cell>
          <cell r="DU758" t="str">
            <v/>
          </cell>
        </row>
        <row r="759">
          <cell r="DT759" t="str">
            <v/>
          </cell>
          <cell r="DU759" t="str">
            <v/>
          </cell>
        </row>
        <row r="760">
          <cell r="DT760" t="str">
            <v/>
          </cell>
          <cell r="DU760" t="str">
            <v/>
          </cell>
        </row>
        <row r="761">
          <cell r="DT761" t="str">
            <v/>
          </cell>
          <cell r="DU761" t="str">
            <v/>
          </cell>
        </row>
        <row r="762">
          <cell r="DT762" t="str">
            <v/>
          </cell>
          <cell r="DU762" t="str">
            <v/>
          </cell>
        </row>
        <row r="763">
          <cell r="DT763" t="str">
            <v/>
          </cell>
          <cell r="DU763" t="str">
            <v/>
          </cell>
        </row>
        <row r="764">
          <cell r="DT764" t="str">
            <v/>
          </cell>
          <cell r="DU764" t="str">
            <v/>
          </cell>
        </row>
        <row r="765">
          <cell r="DT765" t="str">
            <v/>
          </cell>
          <cell r="DU765" t="str">
            <v/>
          </cell>
        </row>
        <row r="766">
          <cell r="DT766" t="str">
            <v/>
          </cell>
          <cell r="DU766" t="str">
            <v/>
          </cell>
        </row>
        <row r="767">
          <cell r="DT767" t="str">
            <v/>
          </cell>
          <cell r="DU767" t="str">
            <v/>
          </cell>
        </row>
        <row r="768">
          <cell r="DT768" t="str">
            <v/>
          </cell>
          <cell r="DU768" t="str">
            <v/>
          </cell>
        </row>
        <row r="769">
          <cell r="DT769" t="str">
            <v/>
          </cell>
          <cell r="DU769" t="str">
            <v/>
          </cell>
        </row>
        <row r="770">
          <cell r="DT770" t="str">
            <v/>
          </cell>
          <cell r="DU770" t="str">
            <v/>
          </cell>
        </row>
        <row r="771">
          <cell r="DT771" t="str">
            <v/>
          </cell>
          <cell r="DU771" t="str">
            <v/>
          </cell>
        </row>
        <row r="772">
          <cell r="DT772" t="str">
            <v/>
          </cell>
          <cell r="DU772" t="str">
            <v/>
          </cell>
        </row>
        <row r="773">
          <cell r="DT773" t="str">
            <v/>
          </cell>
          <cell r="DU773" t="str">
            <v/>
          </cell>
        </row>
        <row r="774">
          <cell r="DT774" t="str">
            <v/>
          </cell>
          <cell r="DU774" t="str">
            <v/>
          </cell>
        </row>
        <row r="775">
          <cell r="DT775" t="str">
            <v/>
          </cell>
          <cell r="DU775" t="str">
            <v/>
          </cell>
        </row>
        <row r="776">
          <cell r="DT776" t="str">
            <v/>
          </cell>
          <cell r="DU776" t="str">
            <v/>
          </cell>
        </row>
        <row r="777">
          <cell r="DT777" t="str">
            <v/>
          </cell>
          <cell r="DU777" t="str">
            <v/>
          </cell>
        </row>
        <row r="778">
          <cell r="DT778" t="str">
            <v/>
          </cell>
          <cell r="DU778" t="str">
            <v/>
          </cell>
        </row>
        <row r="779">
          <cell r="DT779" t="str">
            <v/>
          </cell>
          <cell r="DU779" t="str">
            <v/>
          </cell>
        </row>
        <row r="780">
          <cell r="DT780" t="str">
            <v/>
          </cell>
          <cell r="DU780" t="str">
            <v/>
          </cell>
        </row>
        <row r="781">
          <cell r="DT781" t="str">
            <v/>
          </cell>
          <cell r="DU781" t="str">
            <v/>
          </cell>
        </row>
        <row r="782">
          <cell r="DT782" t="str">
            <v/>
          </cell>
          <cell r="DU782" t="str">
            <v/>
          </cell>
        </row>
        <row r="783">
          <cell r="DT783" t="str">
            <v/>
          </cell>
          <cell r="DU783" t="str">
            <v/>
          </cell>
        </row>
        <row r="784">
          <cell r="DT784" t="str">
            <v/>
          </cell>
          <cell r="DU784" t="str">
            <v/>
          </cell>
        </row>
        <row r="785">
          <cell r="DT785" t="str">
            <v/>
          </cell>
          <cell r="DU785" t="str">
            <v/>
          </cell>
        </row>
        <row r="786">
          <cell r="DT786" t="str">
            <v/>
          </cell>
          <cell r="DU786" t="str">
            <v/>
          </cell>
        </row>
        <row r="787">
          <cell r="DT787" t="str">
            <v/>
          </cell>
          <cell r="DU787" t="str">
            <v/>
          </cell>
        </row>
        <row r="788">
          <cell r="DT788" t="str">
            <v/>
          </cell>
          <cell r="DU788" t="str">
            <v/>
          </cell>
        </row>
        <row r="789">
          <cell r="DT789" t="str">
            <v/>
          </cell>
          <cell r="DU789" t="str">
            <v/>
          </cell>
        </row>
        <row r="790">
          <cell r="DT790" t="str">
            <v/>
          </cell>
          <cell r="DU790" t="str">
            <v/>
          </cell>
        </row>
        <row r="791">
          <cell r="DT791" t="str">
            <v/>
          </cell>
          <cell r="DU791" t="str">
            <v/>
          </cell>
        </row>
        <row r="792">
          <cell r="DT792" t="str">
            <v/>
          </cell>
          <cell r="DU792" t="str">
            <v/>
          </cell>
        </row>
        <row r="793">
          <cell r="DT793" t="str">
            <v/>
          </cell>
          <cell r="DU793" t="str">
            <v/>
          </cell>
        </row>
        <row r="794">
          <cell r="DT794" t="str">
            <v/>
          </cell>
          <cell r="DU794" t="str">
            <v/>
          </cell>
        </row>
        <row r="795">
          <cell r="DT795" t="str">
            <v/>
          </cell>
          <cell r="DU795" t="str">
            <v/>
          </cell>
        </row>
        <row r="796">
          <cell r="DT796" t="str">
            <v/>
          </cell>
          <cell r="DU796" t="str">
            <v/>
          </cell>
        </row>
        <row r="797">
          <cell r="DT797" t="str">
            <v/>
          </cell>
          <cell r="DU797" t="str">
            <v/>
          </cell>
        </row>
        <row r="798">
          <cell r="DT798" t="str">
            <v/>
          </cell>
          <cell r="DU798" t="str">
            <v/>
          </cell>
        </row>
        <row r="799">
          <cell r="DT799" t="str">
            <v/>
          </cell>
          <cell r="DU799" t="str">
            <v/>
          </cell>
        </row>
        <row r="800">
          <cell r="DT800" t="str">
            <v/>
          </cell>
          <cell r="DU800" t="str">
            <v/>
          </cell>
        </row>
        <row r="801">
          <cell r="DT801" t="str">
            <v/>
          </cell>
          <cell r="DU801" t="str">
            <v/>
          </cell>
        </row>
        <row r="802">
          <cell r="DT802" t="str">
            <v/>
          </cell>
          <cell r="DU802" t="str">
            <v/>
          </cell>
        </row>
        <row r="803">
          <cell r="DT803" t="str">
            <v/>
          </cell>
          <cell r="DU803" t="str">
            <v/>
          </cell>
        </row>
        <row r="804">
          <cell r="DT804" t="str">
            <v/>
          </cell>
          <cell r="DU804" t="str">
            <v/>
          </cell>
        </row>
        <row r="805">
          <cell r="DT805" t="str">
            <v/>
          </cell>
          <cell r="DU805" t="str">
            <v/>
          </cell>
        </row>
        <row r="806">
          <cell r="DT806" t="str">
            <v/>
          </cell>
          <cell r="DU806" t="str">
            <v/>
          </cell>
        </row>
        <row r="807">
          <cell r="DT807" t="str">
            <v/>
          </cell>
          <cell r="DU807" t="str">
            <v/>
          </cell>
        </row>
        <row r="808">
          <cell r="DT808" t="str">
            <v/>
          </cell>
          <cell r="DU808" t="str">
            <v/>
          </cell>
        </row>
        <row r="809">
          <cell r="DT809" t="str">
            <v/>
          </cell>
          <cell r="DU809" t="str">
            <v/>
          </cell>
        </row>
        <row r="810">
          <cell r="DT810" t="str">
            <v/>
          </cell>
          <cell r="DU810" t="str">
            <v/>
          </cell>
        </row>
        <row r="811">
          <cell r="DT811" t="str">
            <v/>
          </cell>
          <cell r="DU811" t="str">
            <v/>
          </cell>
        </row>
        <row r="812">
          <cell r="DT812" t="str">
            <v/>
          </cell>
          <cell r="DU812" t="str">
            <v/>
          </cell>
        </row>
        <row r="813">
          <cell r="DT813" t="str">
            <v/>
          </cell>
          <cell r="DU813" t="str">
            <v/>
          </cell>
        </row>
        <row r="814">
          <cell r="DT814" t="str">
            <v/>
          </cell>
          <cell r="DU814" t="str">
            <v/>
          </cell>
        </row>
        <row r="815">
          <cell r="DT815" t="str">
            <v/>
          </cell>
          <cell r="DU815" t="str">
            <v/>
          </cell>
        </row>
        <row r="816">
          <cell r="DT816" t="str">
            <v/>
          </cell>
          <cell r="DU816" t="str">
            <v/>
          </cell>
        </row>
        <row r="817">
          <cell r="DT817" t="str">
            <v/>
          </cell>
          <cell r="DU817" t="str">
            <v/>
          </cell>
        </row>
        <row r="818">
          <cell r="DT818" t="str">
            <v/>
          </cell>
          <cell r="DU818" t="str">
            <v/>
          </cell>
        </row>
        <row r="819">
          <cell r="DT819" t="str">
            <v/>
          </cell>
          <cell r="DU819" t="str">
            <v/>
          </cell>
        </row>
        <row r="820">
          <cell r="DT820" t="str">
            <v/>
          </cell>
          <cell r="DU820" t="str">
            <v/>
          </cell>
        </row>
        <row r="821">
          <cell r="DT821" t="str">
            <v/>
          </cell>
          <cell r="DU821" t="str">
            <v/>
          </cell>
        </row>
        <row r="822">
          <cell r="DT822" t="str">
            <v/>
          </cell>
          <cell r="DU822" t="str">
            <v/>
          </cell>
        </row>
        <row r="823">
          <cell r="DT823" t="str">
            <v/>
          </cell>
          <cell r="DU823" t="str">
            <v/>
          </cell>
        </row>
        <row r="824">
          <cell r="DT824" t="str">
            <v/>
          </cell>
          <cell r="DU824" t="str">
            <v/>
          </cell>
        </row>
        <row r="825">
          <cell r="DT825" t="str">
            <v/>
          </cell>
          <cell r="DU825" t="str">
            <v/>
          </cell>
        </row>
        <row r="826">
          <cell r="DT826" t="str">
            <v/>
          </cell>
          <cell r="DU826" t="str">
            <v/>
          </cell>
        </row>
        <row r="827">
          <cell r="DT827" t="str">
            <v/>
          </cell>
          <cell r="DU827" t="str">
            <v/>
          </cell>
        </row>
        <row r="828">
          <cell r="DT828" t="str">
            <v/>
          </cell>
          <cell r="DU828" t="str">
            <v/>
          </cell>
        </row>
        <row r="829">
          <cell r="DT829" t="str">
            <v/>
          </cell>
          <cell r="DU829" t="str">
            <v/>
          </cell>
        </row>
        <row r="830">
          <cell r="DT830" t="str">
            <v/>
          </cell>
          <cell r="DU830" t="str">
            <v/>
          </cell>
        </row>
        <row r="831">
          <cell r="DT831" t="str">
            <v/>
          </cell>
          <cell r="DU831" t="str">
            <v/>
          </cell>
        </row>
        <row r="832">
          <cell r="DT832" t="str">
            <v/>
          </cell>
          <cell r="DU832" t="str">
            <v/>
          </cell>
        </row>
        <row r="833">
          <cell r="DT833" t="str">
            <v/>
          </cell>
          <cell r="DU833" t="str">
            <v/>
          </cell>
        </row>
        <row r="834">
          <cell r="DT834" t="str">
            <v/>
          </cell>
          <cell r="DU834" t="str">
            <v/>
          </cell>
        </row>
        <row r="835">
          <cell r="DT835" t="str">
            <v/>
          </cell>
          <cell r="DU835" t="str">
            <v/>
          </cell>
        </row>
        <row r="836">
          <cell r="DT836" t="str">
            <v/>
          </cell>
          <cell r="DU836" t="str">
            <v/>
          </cell>
        </row>
        <row r="837">
          <cell r="DT837" t="str">
            <v/>
          </cell>
          <cell r="DU837" t="str">
            <v/>
          </cell>
        </row>
        <row r="838">
          <cell r="DT838" t="str">
            <v/>
          </cell>
          <cell r="DU838" t="str">
            <v/>
          </cell>
        </row>
        <row r="839">
          <cell r="DT839" t="str">
            <v/>
          </cell>
          <cell r="DU839" t="str">
            <v/>
          </cell>
        </row>
        <row r="840">
          <cell r="DT840" t="str">
            <v/>
          </cell>
          <cell r="DU840" t="str">
            <v/>
          </cell>
        </row>
        <row r="841">
          <cell r="DT841" t="str">
            <v/>
          </cell>
          <cell r="DU841" t="str">
            <v/>
          </cell>
        </row>
        <row r="842">
          <cell r="DT842" t="str">
            <v/>
          </cell>
          <cell r="DU842" t="str">
            <v/>
          </cell>
        </row>
        <row r="843">
          <cell r="DT843" t="str">
            <v/>
          </cell>
          <cell r="DU843" t="str">
            <v/>
          </cell>
        </row>
        <row r="844">
          <cell r="DT844" t="str">
            <v/>
          </cell>
          <cell r="DU844" t="str">
            <v/>
          </cell>
        </row>
        <row r="845">
          <cell r="DT845" t="str">
            <v/>
          </cell>
          <cell r="DU845" t="str">
            <v/>
          </cell>
        </row>
        <row r="846">
          <cell r="DT846" t="str">
            <v/>
          </cell>
          <cell r="DU846" t="str">
            <v/>
          </cell>
        </row>
        <row r="847">
          <cell r="DT847" t="str">
            <v/>
          </cell>
          <cell r="DU847" t="str">
            <v/>
          </cell>
        </row>
        <row r="848">
          <cell r="DT848" t="str">
            <v/>
          </cell>
          <cell r="DU848" t="str">
            <v/>
          </cell>
        </row>
        <row r="849">
          <cell r="DT849" t="str">
            <v/>
          </cell>
          <cell r="DU849" t="str">
            <v/>
          </cell>
        </row>
        <row r="850">
          <cell r="DT850" t="str">
            <v/>
          </cell>
          <cell r="DU850" t="str">
            <v/>
          </cell>
        </row>
        <row r="851">
          <cell r="DT851" t="str">
            <v/>
          </cell>
          <cell r="DU851" t="str">
            <v/>
          </cell>
        </row>
        <row r="852">
          <cell r="DT852" t="str">
            <v/>
          </cell>
          <cell r="DU852" t="str">
            <v/>
          </cell>
        </row>
        <row r="853">
          <cell r="DT853" t="str">
            <v/>
          </cell>
          <cell r="DU853" t="str">
            <v/>
          </cell>
        </row>
        <row r="854">
          <cell r="DT854" t="str">
            <v/>
          </cell>
          <cell r="DU854" t="str">
            <v/>
          </cell>
        </row>
        <row r="855">
          <cell r="DT855" t="str">
            <v/>
          </cell>
          <cell r="DU855" t="str">
            <v/>
          </cell>
        </row>
        <row r="856">
          <cell r="DT856" t="str">
            <v/>
          </cell>
          <cell r="DU856" t="str">
            <v/>
          </cell>
        </row>
        <row r="857">
          <cell r="DT857" t="str">
            <v/>
          </cell>
          <cell r="DU857" t="str">
            <v/>
          </cell>
        </row>
        <row r="858">
          <cell r="DT858" t="str">
            <v/>
          </cell>
          <cell r="DU858" t="str">
            <v/>
          </cell>
        </row>
        <row r="859">
          <cell r="DT859" t="str">
            <v/>
          </cell>
          <cell r="DU859" t="str">
            <v/>
          </cell>
        </row>
        <row r="860">
          <cell r="DT860" t="str">
            <v/>
          </cell>
          <cell r="DU860" t="str">
            <v/>
          </cell>
        </row>
        <row r="861">
          <cell r="DT861" t="str">
            <v/>
          </cell>
          <cell r="DU861" t="str">
            <v/>
          </cell>
        </row>
        <row r="862">
          <cell r="DT862" t="str">
            <v/>
          </cell>
          <cell r="DU862" t="str">
            <v/>
          </cell>
        </row>
        <row r="863">
          <cell r="DT863" t="str">
            <v/>
          </cell>
          <cell r="DU863" t="str">
            <v/>
          </cell>
        </row>
        <row r="864">
          <cell r="DT864" t="str">
            <v/>
          </cell>
          <cell r="DU864" t="str">
            <v/>
          </cell>
        </row>
        <row r="865">
          <cell r="DT865" t="str">
            <v/>
          </cell>
          <cell r="DU865" t="str">
            <v/>
          </cell>
        </row>
        <row r="866">
          <cell r="DT866" t="str">
            <v/>
          </cell>
          <cell r="DU866" t="str">
            <v/>
          </cell>
        </row>
        <row r="867">
          <cell r="DT867" t="str">
            <v/>
          </cell>
          <cell r="DU867" t="str">
            <v/>
          </cell>
        </row>
        <row r="868">
          <cell r="DT868" t="str">
            <v/>
          </cell>
          <cell r="DU868" t="str">
            <v/>
          </cell>
        </row>
        <row r="869">
          <cell r="DT869" t="str">
            <v/>
          </cell>
          <cell r="DU869" t="str">
            <v/>
          </cell>
        </row>
        <row r="870">
          <cell r="DT870" t="str">
            <v/>
          </cell>
          <cell r="DU870" t="str">
            <v/>
          </cell>
        </row>
        <row r="871">
          <cell r="DT871" t="str">
            <v/>
          </cell>
          <cell r="DU871" t="str">
            <v/>
          </cell>
        </row>
        <row r="872">
          <cell r="DT872" t="str">
            <v/>
          </cell>
          <cell r="DU872" t="str">
            <v/>
          </cell>
        </row>
        <row r="873">
          <cell r="DT873" t="str">
            <v/>
          </cell>
          <cell r="DU873" t="str">
            <v/>
          </cell>
        </row>
        <row r="874">
          <cell r="DT874" t="str">
            <v/>
          </cell>
          <cell r="DU874" t="str">
            <v/>
          </cell>
        </row>
        <row r="875">
          <cell r="DT875" t="str">
            <v/>
          </cell>
          <cell r="DU875" t="str">
            <v/>
          </cell>
        </row>
        <row r="876">
          <cell r="DT876" t="str">
            <v/>
          </cell>
          <cell r="DU876" t="str">
            <v/>
          </cell>
        </row>
        <row r="877">
          <cell r="DT877" t="str">
            <v/>
          </cell>
          <cell r="DU877" t="str">
            <v/>
          </cell>
        </row>
        <row r="878">
          <cell r="DT878" t="str">
            <v/>
          </cell>
          <cell r="DU878" t="str">
            <v/>
          </cell>
        </row>
        <row r="879">
          <cell r="DT879" t="str">
            <v/>
          </cell>
          <cell r="DU879" t="str">
            <v/>
          </cell>
        </row>
        <row r="880">
          <cell r="DT880" t="str">
            <v/>
          </cell>
          <cell r="DU880" t="str">
            <v/>
          </cell>
        </row>
        <row r="881">
          <cell r="DT881" t="str">
            <v/>
          </cell>
          <cell r="DU881" t="str">
            <v/>
          </cell>
        </row>
        <row r="882">
          <cell r="DT882" t="str">
            <v/>
          </cell>
          <cell r="DU882" t="str">
            <v/>
          </cell>
        </row>
        <row r="883">
          <cell r="DT883" t="str">
            <v/>
          </cell>
          <cell r="DU883" t="str">
            <v/>
          </cell>
        </row>
        <row r="884">
          <cell r="DT884" t="str">
            <v/>
          </cell>
          <cell r="DU884" t="str">
            <v/>
          </cell>
        </row>
        <row r="885">
          <cell r="DT885" t="str">
            <v/>
          </cell>
          <cell r="DU885" t="str">
            <v/>
          </cell>
        </row>
        <row r="886">
          <cell r="DT886" t="str">
            <v/>
          </cell>
          <cell r="DU886" t="str">
            <v/>
          </cell>
        </row>
        <row r="887">
          <cell r="DT887" t="str">
            <v/>
          </cell>
          <cell r="DU887" t="str">
            <v/>
          </cell>
        </row>
        <row r="888">
          <cell r="DT888" t="str">
            <v/>
          </cell>
          <cell r="DU888" t="str">
            <v/>
          </cell>
        </row>
        <row r="889">
          <cell r="DT889" t="str">
            <v/>
          </cell>
          <cell r="DU889" t="str">
            <v/>
          </cell>
        </row>
        <row r="890">
          <cell r="DT890" t="str">
            <v/>
          </cell>
          <cell r="DU890" t="str">
            <v/>
          </cell>
        </row>
        <row r="891">
          <cell r="DT891" t="str">
            <v/>
          </cell>
          <cell r="DU891" t="str">
            <v/>
          </cell>
        </row>
        <row r="892">
          <cell r="DT892" t="str">
            <v/>
          </cell>
          <cell r="DU892" t="str">
            <v/>
          </cell>
        </row>
        <row r="893">
          <cell r="DT893" t="str">
            <v/>
          </cell>
          <cell r="DU893" t="str">
            <v/>
          </cell>
        </row>
        <row r="894">
          <cell r="DT894" t="str">
            <v/>
          </cell>
          <cell r="DU894" t="str">
            <v/>
          </cell>
        </row>
        <row r="895">
          <cell r="DT895" t="str">
            <v/>
          </cell>
          <cell r="DU895" t="str">
            <v/>
          </cell>
        </row>
        <row r="896">
          <cell r="DT896" t="str">
            <v/>
          </cell>
          <cell r="DU896" t="str">
            <v/>
          </cell>
        </row>
        <row r="897">
          <cell r="DT897" t="str">
            <v/>
          </cell>
          <cell r="DU897" t="str">
            <v/>
          </cell>
        </row>
        <row r="898">
          <cell r="DT898" t="str">
            <v/>
          </cell>
          <cell r="DU898" t="str">
            <v/>
          </cell>
        </row>
        <row r="899">
          <cell r="DT899" t="str">
            <v/>
          </cell>
          <cell r="DU899" t="str">
            <v/>
          </cell>
        </row>
        <row r="900">
          <cell r="DT900" t="str">
            <v/>
          </cell>
          <cell r="DU900" t="str">
            <v/>
          </cell>
        </row>
        <row r="901">
          <cell r="DT901" t="str">
            <v/>
          </cell>
          <cell r="DU901" t="str">
            <v/>
          </cell>
        </row>
        <row r="902">
          <cell r="DT902" t="str">
            <v/>
          </cell>
          <cell r="DU902" t="str">
            <v/>
          </cell>
        </row>
        <row r="903">
          <cell r="DT903" t="str">
            <v/>
          </cell>
          <cell r="DU903" t="str">
            <v/>
          </cell>
        </row>
        <row r="904">
          <cell r="DT904" t="str">
            <v/>
          </cell>
          <cell r="DU904" t="str">
            <v/>
          </cell>
        </row>
        <row r="905">
          <cell r="DT905" t="str">
            <v/>
          </cell>
          <cell r="DU905" t="str">
            <v/>
          </cell>
        </row>
        <row r="906">
          <cell r="DT906" t="str">
            <v/>
          </cell>
          <cell r="DU906" t="str">
            <v/>
          </cell>
        </row>
        <row r="907">
          <cell r="DT907" t="str">
            <v/>
          </cell>
          <cell r="DU907" t="str">
            <v/>
          </cell>
        </row>
        <row r="908">
          <cell r="DT908" t="str">
            <v/>
          </cell>
          <cell r="DU908" t="str">
            <v/>
          </cell>
        </row>
        <row r="909">
          <cell r="DT909" t="str">
            <v/>
          </cell>
          <cell r="DU909" t="str">
            <v/>
          </cell>
        </row>
        <row r="910">
          <cell r="DT910" t="str">
            <v/>
          </cell>
          <cell r="DU910" t="str">
            <v/>
          </cell>
        </row>
        <row r="911">
          <cell r="DT911" t="str">
            <v/>
          </cell>
          <cell r="DU911" t="str">
            <v/>
          </cell>
        </row>
        <row r="912">
          <cell r="DT912" t="str">
            <v/>
          </cell>
          <cell r="DU912" t="str">
            <v/>
          </cell>
        </row>
        <row r="913">
          <cell r="DT913" t="str">
            <v/>
          </cell>
          <cell r="DU913" t="str">
            <v/>
          </cell>
        </row>
        <row r="914">
          <cell r="DT914" t="str">
            <v/>
          </cell>
          <cell r="DU914" t="str">
            <v/>
          </cell>
        </row>
        <row r="915">
          <cell r="DT915" t="str">
            <v/>
          </cell>
          <cell r="DU915" t="str">
            <v/>
          </cell>
        </row>
        <row r="916">
          <cell r="DT916" t="str">
            <v/>
          </cell>
          <cell r="DU916" t="str">
            <v/>
          </cell>
        </row>
        <row r="917">
          <cell r="DT917" t="str">
            <v/>
          </cell>
          <cell r="DU917" t="str">
            <v/>
          </cell>
        </row>
        <row r="918">
          <cell r="DT918" t="str">
            <v/>
          </cell>
          <cell r="DU918" t="str">
            <v/>
          </cell>
        </row>
        <row r="919">
          <cell r="DT919" t="str">
            <v/>
          </cell>
          <cell r="DU919" t="str">
            <v/>
          </cell>
        </row>
        <row r="920">
          <cell r="DT920" t="str">
            <v/>
          </cell>
          <cell r="DU920" t="str">
            <v/>
          </cell>
        </row>
        <row r="921">
          <cell r="DT921" t="str">
            <v/>
          </cell>
          <cell r="DU921" t="str">
            <v/>
          </cell>
        </row>
        <row r="922">
          <cell r="DT922" t="str">
            <v/>
          </cell>
          <cell r="DU922" t="str">
            <v/>
          </cell>
        </row>
        <row r="923">
          <cell r="DT923" t="str">
            <v/>
          </cell>
          <cell r="DU923" t="str">
            <v/>
          </cell>
        </row>
        <row r="924">
          <cell r="DT924" t="str">
            <v/>
          </cell>
          <cell r="DU924" t="str">
            <v/>
          </cell>
        </row>
        <row r="925">
          <cell r="DT925" t="str">
            <v/>
          </cell>
          <cell r="DU925" t="str">
            <v/>
          </cell>
        </row>
        <row r="926">
          <cell r="DT926" t="str">
            <v/>
          </cell>
          <cell r="DU926" t="str">
            <v/>
          </cell>
        </row>
        <row r="927">
          <cell r="DT927" t="str">
            <v/>
          </cell>
          <cell r="DU927" t="str">
            <v/>
          </cell>
        </row>
        <row r="928">
          <cell r="DT928" t="str">
            <v/>
          </cell>
          <cell r="DU928" t="str">
            <v/>
          </cell>
        </row>
        <row r="929">
          <cell r="DT929" t="str">
            <v/>
          </cell>
          <cell r="DU929" t="str">
            <v/>
          </cell>
        </row>
        <row r="930">
          <cell r="DT930" t="str">
            <v/>
          </cell>
          <cell r="DU930" t="str">
            <v/>
          </cell>
        </row>
        <row r="931">
          <cell r="DT931" t="str">
            <v/>
          </cell>
          <cell r="DU931" t="str">
            <v/>
          </cell>
        </row>
        <row r="932">
          <cell r="DT932" t="str">
            <v/>
          </cell>
          <cell r="DU932" t="str">
            <v/>
          </cell>
        </row>
        <row r="933">
          <cell r="DT933" t="str">
            <v/>
          </cell>
          <cell r="DU933" t="str">
            <v/>
          </cell>
        </row>
        <row r="934">
          <cell r="DT934" t="str">
            <v/>
          </cell>
          <cell r="DU934" t="str">
            <v/>
          </cell>
        </row>
        <row r="935">
          <cell r="DT935" t="str">
            <v/>
          </cell>
          <cell r="DU935" t="str">
            <v/>
          </cell>
        </row>
        <row r="936">
          <cell r="DT936" t="str">
            <v/>
          </cell>
          <cell r="DU936" t="str">
            <v/>
          </cell>
        </row>
        <row r="937">
          <cell r="DT937" t="str">
            <v/>
          </cell>
          <cell r="DU937" t="str">
            <v/>
          </cell>
        </row>
        <row r="938">
          <cell r="DT938" t="str">
            <v/>
          </cell>
          <cell r="DU938" t="str">
            <v/>
          </cell>
        </row>
        <row r="939">
          <cell r="DT939" t="str">
            <v/>
          </cell>
          <cell r="DU939" t="str">
            <v/>
          </cell>
        </row>
        <row r="940">
          <cell r="DT940" t="str">
            <v/>
          </cell>
          <cell r="DU940" t="str">
            <v/>
          </cell>
        </row>
        <row r="941">
          <cell r="DT941" t="str">
            <v/>
          </cell>
          <cell r="DU941" t="str">
            <v/>
          </cell>
        </row>
        <row r="942">
          <cell r="DT942" t="str">
            <v/>
          </cell>
          <cell r="DU942" t="str">
            <v/>
          </cell>
        </row>
        <row r="943">
          <cell r="DT943" t="str">
            <v/>
          </cell>
          <cell r="DU943" t="str">
            <v/>
          </cell>
        </row>
        <row r="944">
          <cell r="DT944" t="str">
            <v/>
          </cell>
          <cell r="DU944" t="str">
            <v/>
          </cell>
        </row>
        <row r="945">
          <cell r="DT945" t="str">
            <v/>
          </cell>
          <cell r="DU945" t="str">
            <v/>
          </cell>
        </row>
        <row r="946">
          <cell r="DT946" t="str">
            <v/>
          </cell>
          <cell r="DU946" t="str">
            <v/>
          </cell>
        </row>
        <row r="947">
          <cell r="DT947" t="str">
            <v/>
          </cell>
          <cell r="DU947" t="str">
            <v/>
          </cell>
        </row>
        <row r="948">
          <cell r="DT948" t="str">
            <v/>
          </cell>
          <cell r="DU948" t="str">
            <v/>
          </cell>
        </row>
        <row r="949">
          <cell r="DT949" t="str">
            <v/>
          </cell>
          <cell r="DU949" t="str">
            <v/>
          </cell>
        </row>
        <row r="950">
          <cell r="DT950" t="str">
            <v/>
          </cell>
          <cell r="DU950" t="str">
            <v/>
          </cell>
        </row>
        <row r="951">
          <cell r="DT951" t="str">
            <v/>
          </cell>
          <cell r="DU951" t="str">
            <v/>
          </cell>
        </row>
        <row r="952">
          <cell r="DT952" t="str">
            <v/>
          </cell>
          <cell r="DU952" t="str">
            <v/>
          </cell>
        </row>
        <row r="953">
          <cell r="DT953" t="str">
            <v/>
          </cell>
          <cell r="DU953" t="str">
            <v/>
          </cell>
        </row>
        <row r="954">
          <cell r="DT954" t="str">
            <v/>
          </cell>
          <cell r="DU954" t="str">
            <v/>
          </cell>
        </row>
        <row r="955">
          <cell r="DT955" t="str">
            <v/>
          </cell>
          <cell r="DU955" t="str">
            <v/>
          </cell>
        </row>
        <row r="956">
          <cell r="DT956" t="str">
            <v/>
          </cell>
          <cell r="DU956" t="str">
            <v/>
          </cell>
        </row>
        <row r="957">
          <cell r="DT957" t="str">
            <v/>
          </cell>
          <cell r="DU957" t="str">
            <v/>
          </cell>
        </row>
        <row r="958">
          <cell r="DT958" t="str">
            <v/>
          </cell>
          <cell r="DU958" t="str">
            <v/>
          </cell>
        </row>
        <row r="959">
          <cell r="DT959" t="str">
            <v/>
          </cell>
          <cell r="DU959" t="str">
            <v/>
          </cell>
        </row>
        <row r="960">
          <cell r="DT960" t="str">
            <v/>
          </cell>
          <cell r="DU960" t="str">
            <v/>
          </cell>
        </row>
        <row r="961">
          <cell r="DT961" t="str">
            <v/>
          </cell>
          <cell r="DU961" t="str">
            <v/>
          </cell>
        </row>
        <row r="962">
          <cell r="DT962" t="str">
            <v/>
          </cell>
          <cell r="DU962" t="str">
            <v/>
          </cell>
        </row>
        <row r="963">
          <cell r="DT963" t="str">
            <v/>
          </cell>
          <cell r="DU963" t="str">
            <v/>
          </cell>
        </row>
        <row r="964">
          <cell r="DT964" t="str">
            <v/>
          </cell>
          <cell r="DU964" t="str">
            <v/>
          </cell>
        </row>
        <row r="965">
          <cell r="DT965" t="str">
            <v/>
          </cell>
          <cell r="DU965" t="str">
            <v/>
          </cell>
        </row>
        <row r="966">
          <cell r="DT966" t="str">
            <v/>
          </cell>
          <cell r="DU966" t="str">
            <v/>
          </cell>
        </row>
        <row r="967">
          <cell r="DT967" t="str">
            <v/>
          </cell>
          <cell r="DU967" t="str">
            <v/>
          </cell>
        </row>
        <row r="968">
          <cell r="DT968" t="str">
            <v/>
          </cell>
          <cell r="DU968" t="str">
            <v/>
          </cell>
        </row>
        <row r="969">
          <cell r="DT969" t="str">
            <v/>
          </cell>
          <cell r="DU969" t="str">
            <v/>
          </cell>
        </row>
        <row r="970">
          <cell r="DT970" t="str">
            <v/>
          </cell>
          <cell r="DU970" t="str">
            <v/>
          </cell>
        </row>
        <row r="971">
          <cell r="DT971" t="str">
            <v/>
          </cell>
          <cell r="DU971" t="str">
            <v/>
          </cell>
        </row>
        <row r="972">
          <cell r="DT972" t="str">
            <v/>
          </cell>
          <cell r="DU972" t="str">
            <v/>
          </cell>
        </row>
        <row r="973">
          <cell r="DT973" t="str">
            <v/>
          </cell>
          <cell r="DU973" t="str">
            <v/>
          </cell>
        </row>
        <row r="974">
          <cell r="DT974" t="str">
            <v/>
          </cell>
          <cell r="DU974" t="str">
            <v/>
          </cell>
        </row>
        <row r="975">
          <cell r="DT975" t="str">
            <v/>
          </cell>
          <cell r="DU975" t="str">
            <v/>
          </cell>
        </row>
        <row r="976">
          <cell r="DT976" t="str">
            <v/>
          </cell>
          <cell r="DU976" t="str">
            <v/>
          </cell>
        </row>
        <row r="977">
          <cell r="DT977" t="str">
            <v/>
          </cell>
          <cell r="DU977" t="str">
            <v/>
          </cell>
        </row>
        <row r="978">
          <cell r="DT978" t="str">
            <v/>
          </cell>
          <cell r="DU978" t="str">
            <v/>
          </cell>
        </row>
        <row r="979">
          <cell r="DT979" t="str">
            <v/>
          </cell>
          <cell r="DU979" t="str">
            <v/>
          </cell>
        </row>
        <row r="980">
          <cell r="DT980" t="str">
            <v/>
          </cell>
          <cell r="DU980" t="str">
            <v/>
          </cell>
        </row>
        <row r="981">
          <cell r="DT981" t="str">
            <v/>
          </cell>
          <cell r="DU981" t="str">
            <v/>
          </cell>
        </row>
        <row r="982">
          <cell r="DT982" t="str">
            <v/>
          </cell>
          <cell r="DU982" t="str">
            <v/>
          </cell>
        </row>
        <row r="983">
          <cell r="DT983" t="str">
            <v/>
          </cell>
          <cell r="DU983" t="str">
            <v/>
          </cell>
        </row>
        <row r="984">
          <cell r="DT984" t="str">
            <v/>
          </cell>
          <cell r="DU984" t="str">
            <v/>
          </cell>
        </row>
        <row r="985">
          <cell r="DT985" t="str">
            <v/>
          </cell>
          <cell r="DU985" t="str">
            <v/>
          </cell>
        </row>
        <row r="986">
          <cell r="DT986" t="str">
            <v/>
          </cell>
          <cell r="DU986" t="str">
            <v/>
          </cell>
        </row>
        <row r="987">
          <cell r="DT987" t="str">
            <v/>
          </cell>
          <cell r="DU987" t="str">
            <v/>
          </cell>
        </row>
        <row r="988">
          <cell r="DT988" t="str">
            <v/>
          </cell>
          <cell r="DU988" t="str">
            <v/>
          </cell>
        </row>
        <row r="989">
          <cell r="DT989" t="str">
            <v/>
          </cell>
          <cell r="DU989" t="str">
            <v/>
          </cell>
        </row>
        <row r="990">
          <cell r="DT990" t="str">
            <v/>
          </cell>
          <cell r="DU990" t="str">
            <v/>
          </cell>
        </row>
        <row r="991">
          <cell r="DT991" t="str">
            <v/>
          </cell>
          <cell r="DU991" t="str">
            <v/>
          </cell>
        </row>
        <row r="992">
          <cell r="DT992" t="str">
            <v/>
          </cell>
          <cell r="DU992" t="str">
            <v/>
          </cell>
        </row>
        <row r="993">
          <cell r="DT993" t="str">
            <v/>
          </cell>
          <cell r="DU993" t="str">
            <v/>
          </cell>
        </row>
        <row r="994">
          <cell r="DT994" t="str">
            <v/>
          </cell>
          <cell r="DU994" t="str">
            <v/>
          </cell>
        </row>
        <row r="995">
          <cell r="DT995" t="str">
            <v/>
          </cell>
          <cell r="DU995" t="str">
            <v/>
          </cell>
        </row>
        <row r="996">
          <cell r="DT996" t="str">
            <v/>
          </cell>
          <cell r="DU996" t="str">
            <v/>
          </cell>
        </row>
        <row r="997">
          <cell r="DT997" t="str">
            <v/>
          </cell>
          <cell r="DU997" t="str">
            <v/>
          </cell>
        </row>
        <row r="998">
          <cell r="DT998" t="str">
            <v/>
          </cell>
          <cell r="DU998" t="str">
            <v/>
          </cell>
        </row>
        <row r="999">
          <cell r="DT999" t="str">
            <v/>
          </cell>
          <cell r="DU999" t="str">
            <v/>
          </cell>
        </row>
        <row r="1000">
          <cell r="DT1000" t="str">
            <v/>
          </cell>
          <cell r="DU1000" t="str">
            <v/>
          </cell>
        </row>
        <row r="1001">
          <cell r="DT1001" t="str">
            <v/>
          </cell>
          <cell r="DU1001" t="str">
            <v/>
          </cell>
        </row>
        <row r="1002">
          <cell r="DT1002" t="str">
            <v/>
          </cell>
          <cell r="DU1002" t="str">
            <v/>
          </cell>
        </row>
        <row r="1003">
          <cell r="DT1003" t="str">
            <v/>
          </cell>
          <cell r="DU1003" t="str">
            <v/>
          </cell>
        </row>
        <row r="1004">
          <cell r="DT1004" t="str">
            <v/>
          </cell>
          <cell r="DU1004" t="str">
            <v/>
          </cell>
        </row>
        <row r="1005">
          <cell r="DT1005" t="str">
            <v/>
          </cell>
          <cell r="DU1005" t="str">
            <v/>
          </cell>
        </row>
        <row r="1006">
          <cell r="DT1006" t="str">
            <v/>
          </cell>
          <cell r="DU1006" t="str">
            <v/>
          </cell>
        </row>
        <row r="1007">
          <cell r="DT1007" t="str">
            <v/>
          </cell>
          <cell r="DU1007" t="str">
            <v/>
          </cell>
        </row>
        <row r="1008">
          <cell r="DT1008" t="str">
            <v/>
          </cell>
          <cell r="DU1008" t="str">
            <v/>
          </cell>
        </row>
        <row r="1009">
          <cell r="DT1009" t="str">
            <v/>
          </cell>
          <cell r="DU1009" t="str">
            <v/>
          </cell>
        </row>
        <row r="1010">
          <cell r="DT1010" t="str">
            <v/>
          </cell>
          <cell r="DU1010" t="str">
            <v/>
          </cell>
        </row>
        <row r="1011">
          <cell r="DT1011" t="str">
            <v/>
          </cell>
          <cell r="DU1011" t="str">
            <v/>
          </cell>
        </row>
        <row r="1012">
          <cell r="DT1012" t="str">
            <v/>
          </cell>
          <cell r="DU1012" t="str">
            <v/>
          </cell>
        </row>
        <row r="1013">
          <cell r="DT1013" t="str">
            <v/>
          </cell>
          <cell r="DU1013" t="str">
            <v/>
          </cell>
        </row>
        <row r="1014">
          <cell r="DT1014" t="str">
            <v/>
          </cell>
          <cell r="DU1014" t="str">
            <v/>
          </cell>
        </row>
        <row r="1015">
          <cell r="DT1015" t="str">
            <v/>
          </cell>
          <cell r="DU1015" t="str">
            <v/>
          </cell>
        </row>
        <row r="1016">
          <cell r="DT1016" t="str">
            <v/>
          </cell>
          <cell r="DU1016" t="str">
            <v/>
          </cell>
        </row>
        <row r="1017">
          <cell r="DT1017" t="str">
            <v/>
          </cell>
          <cell r="DU1017" t="str">
            <v/>
          </cell>
        </row>
        <row r="1018">
          <cell r="DT1018" t="str">
            <v/>
          </cell>
          <cell r="DU1018" t="str">
            <v/>
          </cell>
        </row>
        <row r="1019">
          <cell r="DT1019" t="str">
            <v/>
          </cell>
          <cell r="DU1019" t="str">
            <v/>
          </cell>
        </row>
        <row r="1020">
          <cell r="DT1020" t="str">
            <v/>
          </cell>
          <cell r="DU1020" t="str">
            <v/>
          </cell>
        </row>
        <row r="1021">
          <cell r="DT1021" t="str">
            <v/>
          </cell>
          <cell r="DU1021" t="str">
            <v/>
          </cell>
        </row>
        <row r="1022">
          <cell r="DT1022" t="str">
            <v/>
          </cell>
          <cell r="DU1022" t="str">
            <v/>
          </cell>
        </row>
        <row r="1023">
          <cell r="DT1023" t="str">
            <v/>
          </cell>
          <cell r="DU1023" t="str">
            <v/>
          </cell>
        </row>
        <row r="1024">
          <cell r="DT1024" t="str">
            <v/>
          </cell>
          <cell r="DU1024" t="str">
            <v/>
          </cell>
        </row>
        <row r="1025">
          <cell r="DT1025" t="str">
            <v/>
          </cell>
          <cell r="DU1025" t="str">
            <v/>
          </cell>
        </row>
        <row r="1026">
          <cell r="DT1026" t="str">
            <v/>
          </cell>
          <cell r="DU1026" t="str">
            <v/>
          </cell>
        </row>
        <row r="1027">
          <cell r="DT1027" t="str">
            <v/>
          </cell>
          <cell r="DU1027" t="str">
            <v/>
          </cell>
        </row>
        <row r="1028">
          <cell r="DT1028" t="str">
            <v/>
          </cell>
          <cell r="DU1028" t="str">
            <v/>
          </cell>
        </row>
        <row r="1029">
          <cell r="DT1029" t="str">
            <v/>
          </cell>
          <cell r="DU1029" t="str">
            <v/>
          </cell>
        </row>
        <row r="1030">
          <cell r="DT1030" t="str">
            <v/>
          </cell>
          <cell r="DU1030" t="str">
            <v/>
          </cell>
        </row>
        <row r="1031">
          <cell r="DT1031" t="str">
            <v/>
          </cell>
          <cell r="DU1031" t="str">
            <v/>
          </cell>
        </row>
        <row r="1032">
          <cell r="DT1032" t="str">
            <v/>
          </cell>
          <cell r="DU1032" t="str">
            <v/>
          </cell>
        </row>
        <row r="1033">
          <cell r="DT1033" t="str">
            <v/>
          </cell>
          <cell r="DU1033" t="str">
            <v/>
          </cell>
        </row>
        <row r="1034">
          <cell r="DT1034" t="str">
            <v/>
          </cell>
          <cell r="DU1034" t="str">
            <v/>
          </cell>
        </row>
        <row r="1035">
          <cell r="DT1035" t="str">
            <v/>
          </cell>
          <cell r="DU1035" t="str">
            <v/>
          </cell>
        </row>
        <row r="1036">
          <cell r="DT1036" t="str">
            <v/>
          </cell>
          <cell r="DU1036" t="str">
            <v/>
          </cell>
        </row>
        <row r="1037">
          <cell r="DT1037" t="str">
            <v/>
          </cell>
          <cell r="DU1037" t="str">
            <v/>
          </cell>
        </row>
        <row r="1038">
          <cell r="DT1038" t="str">
            <v/>
          </cell>
          <cell r="DU1038" t="str">
            <v/>
          </cell>
        </row>
        <row r="1039">
          <cell r="DT1039" t="str">
            <v/>
          </cell>
          <cell r="DU1039" t="str">
            <v/>
          </cell>
        </row>
        <row r="1040">
          <cell r="DT1040" t="str">
            <v/>
          </cell>
          <cell r="DU1040" t="str">
            <v/>
          </cell>
        </row>
      </sheetData>
      <sheetData sheetId="7"/>
      <sheetData sheetId="8"/>
    </sheetDataSet>
  </externalBook>
</externalLink>
</file>

<file path=xl/externalLinks/externalLink17.xml><?xml version="1.0" encoding="utf-8"?>
<externalLink xmlns="http://schemas.openxmlformats.org/spreadsheetml/2006/main">
  <externalBook xmlns:r="http://schemas.openxmlformats.org/officeDocument/2006/relationships" r:id="rId1">
    <sheetNames>
      <sheetName val="仮設"/>
      <sheetName val="土工"/>
      <sheetName val="躯集"/>
      <sheetName val="階別"/>
      <sheetName val="FO"/>
      <sheetName val="FS"/>
      <sheetName val="FG"/>
      <sheetName val="CO"/>
      <sheetName val="GA"/>
      <sheetName val="BE"/>
      <sheetName val="SL"/>
      <sheetName val="WA"/>
      <sheetName val="ST"/>
      <sheetName val="EX"/>
      <sheetName val="SLV"/>
      <sheetName val="鉄集"/>
      <sheetName val="鉄調"/>
      <sheetName val="鋼材"/>
      <sheetName val="仕集"/>
      <sheetName val="外部"/>
      <sheetName val="内部"/>
      <sheetName val="項目"/>
      <sheetName val="建集"/>
      <sheetName val="ｱﾙﾐ"/>
      <sheetName val="鋼建"/>
      <sheetName val="木建"/>
      <sheetName val="互換性レポー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2">
          <cell r="K2" t="str">
            <v>HB2</v>
          </cell>
          <cell r="L2" t="str">
            <v>HT2</v>
          </cell>
          <cell r="M2" t="str">
            <v>HL2</v>
          </cell>
          <cell r="N2" t="str">
            <v>F2</v>
          </cell>
          <cell r="O2" t="str">
            <v>F1</v>
          </cell>
        </row>
        <row r="5">
          <cell r="K5">
            <v>1.1499999999999999</v>
          </cell>
          <cell r="L5">
            <v>1.21</v>
          </cell>
          <cell r="M5">
            <v>1.06</v>
          </cell>
          <cell r="N5">
            <v>0.5</v>
          </cell>
          <cell r="O5">
            <v>0.45</v>
          </cell>
        </row>
        <row r="6">
          <cell r="B6" t="str">
            <v>A1</v>
          </cell>
          <cell r="C6" t="str">
            <v>AB-M22</v>
          </cell>
          <cell r="D6" t="str">
            <v xml:space="preserve"> L=900</v>
          </cell>
          <cell r="K6">
            <v>1.99</v>
          </cell>
          <cell r="L6">
            <v>1.67</v>
          </cell>
          <cell r="M6">
            <v>1.71</v>
          </cell>
          <cell r="N6">
            <v>0.89</v>
          </cell>
          <cell r="O6">
            <v>0.7</v>
          </cell>
        </row>
        <row r="7">
          <cell r="B7" t="str">
            <v>BS1</v>
          </cell>
          <cell r="C7" t="str">
            <v>ﾍﾞｰｽﾓﾙﾀﾙ</v>
          </cell>
          <cell r="D7" t="str">
            <v>400x400</v>
          </cell>
          <cell r="K7">
            <v>2.5</v>
          </cell>
          <cell r="L7">
            <v>2.2000000000000002</v>
          </cell>
          <cell r="M7">
            <v>2.2200000000000002</v>
          </cell>
          <cell r="N7">
            <v>1.39</v>
          </cell>
          <cell r="O7">
            <v>1</v>
          </cell>
        </row>
        <row r="8">
          <cell r="K8">
            <v>3.06</v>
          </cell>
          <cell r="L8">
            <v>3.27</v>
          </cell>
          <cell r="M8">
            <v>3.3</v>
          </cell>
          <cell r="N8">
            <v>1.39</v>
          </cell>
          <cell r="O8">
            <v>1.36</v>
          </cell>
        </row>
        <row r="9">
          <cell r="B9" t="str">
            <v>P6</v>
          </cell>
          <cell r="C9" t="str">
            <v>PL-6</v>
          </cell>
          <cell r="E9">
            <v>47.1</v>
          </cell>
          <cell r="F9">
            <v>21.23</v>
          </cell>
          <cell r="K9">
            <v>3.36</v>
          </cell>
          <cell r="L9">
            <v>3.66</v>
          </cell>
          <cell r="M9">
            <v>3.66</v>
          </cell>
          <cell r="N9">
            <v>2</v>
          </cell>
          <cell r="O9">
            <v>1.78</v>
          </cell>
        </row>
        <row r="10">
          <cell r="B10" t="str">
            <v>P9</v>
          </cell>
          <cell r="C10" t="str">
            <v>PL-9</v>
          </cell>
          <cell r="E10">
            <v>70.650000000000006</v>
          </cell>
          <cell r="F10">
            <v>14.15</v>
          </cell>
          <cell r="K10">
            <v>3.7</v>
          </cell>
          <cell r="L10">
            <v>4.12</v>
          </cell>
          <cell r="M10">
            <v>4.08</v>
          </cell>
          <cell r="N10">
            <v>2.72</v>
          </cell>
          <cell r="O10">
            <v>2.25</v>
          </cell>
        </row>
        <row r="11">
          <cell r="B11" t="str">
            <v>P12</v>
          </cell>
          <cell r="C11" t="str">
            <v>PL-12</v>
          </cell>
          <cell r="E11">
            <v>94.2</v>
          </cell>
          <cell r="F11">
            <v>10.62</v>
          </cell>
          <cell r="K11">
            <v>6.09</v>
          </cell>
          <cell r="L11">
            <v>6.79</v>
          </cell>
          <cell r="M11">
            <v>6.7</v>
          </cell>
          <cell r="N11">
            <v>2.72</v>
          </cell>
          <cell r="O11">
            <v>2.78</v>
          </cell>
        </row>
        <row r="12">
          <cell r="B12" t="str">
            <v>P22</v>
          </cell>
          <cell r="C12" t="str">
            <v>PL-22</v>
          </cell>
          <cell r="E12">
            <v>172.7</v>
          </cell>
          <cell r="F12">
            <v>5.79</v>
          </cell>
          <cell r="K12">
            <v>6.52</v>
          </cell>
          <cell r="L12">
            <v>7.39</v>
          </cell>
          <cell r="M12">
            <v>7.23</v>
          </cell>
          <cell r="N12">
            <v>3.56</v>
          </cell>
          <cell r="O12">
            <v>3.36</v>
          </cell>
        </row>
        <row r="13">
          <cell r="B13" t="str">
            <v>P16C</v>
          </cell>
          <cell r="C13" t="str">
            <v>PL-16</v>
          </cell>
          <cell r="E13">
            <v>125.6</v>
          </cell>
          <cell r="F13">
            <v>7.96</v>
          </cell>
          <cell r="K13">
            <v>7</v>
          </cell>
          <cell r="L13">
            <v>8.0399999999999991</v>
          </cell>
          <cell r="M13">
            <v>7.81</v>
          </cell>
          <cell r="N13">
            <v>4.5</v>
          </cell>
          <cell r="O13">
            <v>4</v>
          </cell>
        </row>
        <row r="14">
          <cell r="B14" t="str">
            <v>P19C</v>
          </cell>
          <cell r="C14" t="str">
            <v>PL-19</v>
          </cell>
          <cell r="E14">
            <v>149.19999999999999</v>
          </cell>
          <cell r="F14">
            <v>6.7</v>
          </cell>
          <cell r="K14">
            <v>8.06</v>
          </cell>
          <cell r="L14">
            <v>8.75</v>
          </cell>
          <cell r="M14">
            <v>8.69</v>
          </cell>
          <cell r="N14">
            <v>5.56</v>
          </cell>
          <cell r="O14">
            <v>4.6900000000000004</v>
          </cell>
        </row>
        <row r="15">
          <cell r="K15">
            <v>8.65</v>
          </cell>
          <cell r="L15">
            <v>9.51</v>
          </cell>
          <cell r="M15">
            <v>9.3800000000000008</v>
          </cell>
          <cell r="N15">
            <v>5.56</v>
          </cell>
          <cell r="O15">
            <v>5.44</v>
          </cell>
        </row>
        <row r="16">
          <cell r="B16" t="str">
            <v>H6</v>
          </cell>
          <cell r="C16" t="str">
            <v>H-200x100</v>
          </cell>
          <cell r="D16" t="str">
            <v>x5.5x8</v>
          </cell>
          <cell r="E16">
            <v>20.9</v>
          </cell>
          <cell r="F16">
            <v>36.15</v>
          </cell>
          <cell r="G16">
            <v>47</v>
          </cell>
          <cell r="H16">
            <v>184</v>
          </cell>
          <cell r="K16">
            <v>9.3000000000000007</v>
          </cell>
          <cell r="L16">
            <v>10.34</v>
          </cell>
          <cell r="M16">
            <v>10.11</v>
          </cell>
          <cell r="N16">
            <v>6.72</v>
          </cell>
          <cell r="O16">
            <v>6.25</v>
          </cell>
        </row>
        <row r="17">
          <cell r="B17" t="str">
            <v>H10</v>
          </cell>
          <cell r="C17" t="str">
            <v>H-300x150</v>
          </cell>
          <cell r="D17" t="str">
            <v>x6.5x9</v>
          </cell>
          <cell r="E17">
            <v>36.700000000000003</v>
          </cell>
          <cell r="F17">
            <v>31.74</v>
          </cell>
          <cell r="G17">
            <v>72</v>
          </cell>
          <cell r="H17">
            <v>282</v>
          </cell>
          <cell r="K17">
            <v>9.99</v>
          </cell>
          <cell r="L17">
            <v>11.22</v>
          </cell>
          <cell r="M17">
            <v>10.9</v>
          </cell>
          <cell r="N17">
            <v>8</v>
          </cell>
          <cell r="O17">
            <v>7.11</v>
          </cell>
        </row>
        <row r="18">
          <cell r="B18" t="str">
            <v>H14</v>
          </cell>
          <cell r="C18" t="str">
            <v>H-400x200</v>
          </cell>
          <cell r="D18" t="str">
            <v>x8x13</v>
          </cell>
          <cell r="E18">
            <v>66</v>
          </cell>
          <cell r="F18">
            <v>23.58</v>
          </cell>
          <cell r="G18">
            <v>96</v>
          </cell>
          <cell r="H18">
            <v>374</v>
          </cell>
          <cell r="K18">
            <v>10.72</v>
          </cell>
          <cell r="L18">
            <v>12.16</v>
          </cell>
          <cell r="M18">
            <v>11.73</v>
          </cell>
          <cell r="N18">
            <v>3.98</v>
          </cell>
          <cell r="O18">
            <v>8.0299999999999994</v>
          </cell>
        </row>
        <row r="19">
          <cell r="B19" t="str">
            <v>□47</v>
          </cell>
          <cell r="C19" t="str">
            <v>□-250x250</v>
          </cell>
          <cell r="D19" t="str">
            <v>x12</v>
          </cell>
          <cell r="E19">
            <v>86.8</v>
          </cell>
          <cell r="F19">
            <v>11.05</v>
          </cell>
          <cell r="K19">
            <v>11.5</v>
          </cell>
          <cell r="L19">
            <v>13.15</v>
          </cell>
          <cell r="M19">
            <v>12.6</v>
          </cell>
          <cell r="N19">
            <v>4.8099999999999996</v>
          </cell>
          <cell r="O19">
            <v>9</v>
          </cell>
        </row>
        <row r="20">
          <cell r="B20" t="str">
            <v>□48</v>
          </cell>
          <cell r="C20" t="str">
            <v>□-250x250</v>
          </cell>
          <cell r="D20" t="str">
            <v>x16</v>
          </cell>
          <cell r="E20">
            <v>112</v>
          </cell>
          <cell r="F20">
            <v>11.05</v>
          </cell>
          <cell r="K20">
            <v>12.33</v>
          </cell>
          <cell r="L20">
            <v>14.21</v>
          </cell>
          <cell r="M20">
            <v>13.52</v>
          </cell>
          <cell r="N20">
            <v>4.8099999999999996</v>
          </cell>
          <cell r="O20">
            <v>10</v>
          </cell>
        </row>
        <row r="21">
          <cell r="K21">
            <v>14.44</v>
          </cell>
          <cell r="L21">
            <v>15.04</v>
          </cell>
          <cell r="M21">
            <v>14.49</v>
          </cell>
          <cell r="N21">
            <v>5.73</v>
          </cell>
          <cell r="O21">
            <v>11.1</v>
          </cell>
        </row>
        <row r="22">
          <cell r="B22" t="str">
            <v>L9</v>
          </cell>
          <cell r="C22" t="str">
            <v>L-50x50</v>
          </cell>
          <cell r="D22" t="str">
            <v>x6</v>
          </cell>
          <cell r="E22">
            <v>4.43</v>
          </cell>
          <cell r="F22">
            <v>43.57</v>
          </cell>
          <cell r="K22">
            <v>16.02</v>
          </cell>
          <cell r="L22">
            <v>16</v>
          </cell>
          <cell r="M22">
            <v>15.64</v>
          </cell>
          <cell r="N22">
            <v>6.72</v>
          </cell>
          <cell r="O22">
            <v>12.3</v>
          </cell>
        </row>
        <row r="23">
          <cell r="B23" t="str">
            <v>L14</v>
          </cell>
          <cell r="C23" t="str">
            <v>L-65x65</v>
          </cell>
          <cell r="D23" t="str">
            <v>x8</v>
          </cell>
          <cell r="E23">
            <v>7.66</v>
          </cell>
          <cell r="F23">
            <v>32.770000000000003</v>
          </cell>
          <cell r="K23">
            <v>16.88</v>
          </cell>
          <cell r="L23">
            <v>17</v>
          </cell>
          <cell r="M23">
            <v>16.54</v>
          </cell>
          <cell r="N23">
            <v>6.72</v>
          </cell>
          <cell r="O23">
            <v>13.4</v>
          </cell>
        </row>
        <row r="24">
          <cell r="K24">
            <v>17.77</v>
          </cell>
          <cell r="L24">
            <v>18.03</v>
          </cell>
          <cell r="M24">
            <v>17.47</v>
          </cell>
          <cell r="N24">
            <v>7.79</v>
          </cell>
          <cell r="O24">
            <v>14.7</v>
          </cell>
        </row>
        <row r="25">
          <cell r="B25" t="str">
            <v>THT17</v>
          </cell>
          <cell r="C25" t="str">
            <v>HTB-M20</v>
          </cell>
          <cell r="D25" t="str">
            <v xml:space="preserve"> L=45</v>
          </cell>
          <cell r="E25">
            <v>0.32800000000000001</v>
          </cell>
          <cell r="K25">
            <v>18.7</v>
          </cell>
          <cell r="L25">
            <v>19.11</v>
          </cell>
          <cell r="M25">
            <v>18.43</v>
          </cell>
          <cell r="N25">
            <v>7.79</v>
          </cell>
          <cell r="O25">
            <v>16</v>
          </cell>
        </row>
        <row r="26">
          <cell r="B26" t="str">
            <v>THT18</v>
          </cell>
          <cell r="C26" t="str">
            <v>HTB-M20</v>
          </cell>
          <cell r="D26" t="str">
            <v xml:space="preserve"> L=50</v>
          </cell>
          <cell r="E26">
            <v>0.34100000000000003</v>
          </cell>
          <cell r="K26">
            <v>19.649999999999999</v>
          </cell>
          <cell r="L26">
            <v>20.22</v>
          </cell>
          <cell r="M26">
            <v>19.43</v>
          </cell>
          <cell r="N26">
            <v>8.9499999999999993</v>
          </cell>
          <cell r="O26">
            <v>17.399999999999999</v>
          </cell>
        </row>
        <row r="27">
          <cell r="B27" t="str">
            <v>THT19</v>
          </cell>
          <cell r="C27" t="str">
            <v>HTB-M20</v>
          </cell>
          <cell r="D27" t="str">
            <v xml:space="preserve"> L=55</v>
          </cell>
          <cell r="E27">
            <v>0.35399999999999998</v>
          </cell>
          <cell r="K27">
            <v>20.64</v>
          </cell>
          <cell r="L27">
            <v>21.37</v>
          </cell>
          <cell r="M27">
            <v>20.45</v>
          </cell>
          <cell r="N27">
            <v>10.18</v>
          </cell>
          <cell r="O27">
            <v>18.7</v>
          </cell>
        </row>
        <row r="28">
          <cell r="B28" t="str">
            <v>THT20</v>
          </cell>
          <cell r="C28" t="str">
            <v>HTB-M20</v>
          </cell>
          <cell r="D28" t="str">
            <v xml:space="preserve"> L=60</v>
          </cell>
          <cell r="E28">
            <v>0.36699999999999999</v>
          </cell>
          <cell r="K28">
            <v>21.66</v>
          </cell>
          <cell r="L28">
            <v>22.55</v>
          </cell>
          <cell r="M28">
            <v>21.5</v>
          </cell>
          <cell r="N28">
            <v>10.18</v>
          </cell>
          <cell r="O28">
            <v>20.2</v>
          </cell>
        </row>
        <row r="29">
          <cell r="B29" t="str">
            <v>THT21</v>
          </cell>
          <cell r="C29" t="str">
            <v>HTB-M20</v>
          </cell>
          <cell r="D29" t="str">
            <v xml:space="preserve"> L=65</v>
          </cell>
          <cell r="E29">
            <v>0.38</v>
          </cell>
          <cell r="K29">
            <v>22.71</v>
          </cell>
          <cell r="L29">
            <v>23.77</v>
          </cell>
          <cell r="M29">
            <v>22.58</v>
          </cell>
          <cell r="N29">
            <v>11.49</v>
          </cell>
          <cell r="O29">
            <v>21.8</v>
          </cell>
        </row>
        <row r="30">
          <cell r="B30" t="str">
            <v>THT22</v>
          </cell>
          <cell r="C30" t="str">
            <v>HTB-M20</v>
          </cell>
          <cell r="D30" t="str">
            <v xml:space="preserve"> L=70</v>
          </cell>
          <cell r="E30">
            <v>0.39300000000000002</v>
          </cell>
          <cell r="K30">
            <v>23.79</v>
          </cell>
          <cell r="L30">
            <v>25.03</v>
          </cell>
          <cell r="M30">
            <v>23.69</v>
          </cell>
          <cell r="N30">
            <v>11.49</v>
          </cell>
          <cell r="O30">
            <v>23.3</v>
          </cell>
        </row>
        <row r="31">
          <cell r="B31" t="str">
            <v>DS1</v>
          </cell>
          <cell r="C31" t="str">
            <v>ﾃﾞｯｷﾌﾟﾚｰﾄ</v>
          </cell>
          <cell r="D31" t="str">
            <v>EZ-50-1.2</v>
          </cell>
          <cell r="E31">
            <v>13.4</v>
          </cell>
          <cell r="F31">
            <v>111</v>
          </cell>
          <cell r="K31">
            <v>24.91</v>
          </cell>
          <cell r="L31">
            <v>26.32</v>
          </cell>
          <cell r="M31">
            <v>24.82</v>
          </cell>
          <cell r="N31">
            <v>12.88</v>
          </cell>
          <cell r="O31">
            <v>25</v>
          </cell>
        </row>
        <row r="32">
          <cell r="B32" t="str">
            <v>DS2</v>
          </cell>
          <cell r="C32" t="str">
            <v>ﾃﾞｯｷ流止め</v>
          </cell>
          <cell r="D32" t="str">
            <v>H130</v>
          </cell>
          <cell r="K32">
            <v>26.05</v>
          </cell>
          <cell r="L32">
            <v>27.66</v>
          </cell>
          <cell r="M32">
            <v>25.99</v>
          </cell>
          <cell r="N32">
            <v>12.88</v>
          </cell>
        </row>
        <row r="33">
          <cell r="B33" t="str">
            <v>KS</v>
          </cell>
          <cell r="C33" t="str">
            <v>検査</v>
          </cell>
          <cell r="K33">
            <v>27.23</v>
          </cell>
          <cell r="L33">
            <v>29.03</v>
          </cell>
          <cell r="M33">
            <v>27.19</v>
          </cell>
          <cell r="N33">
            <v>14.35</v>
          </cell>
        </row>
        <row r="34">
          <cell r="B34" t="str">
            <v>W</v>
          </cell>
          <cell r="C34" t="str">
            <v>工場溶接</v>
          </cell>
          <cell r="D34" t="str">
            <v>6㎜換算</v>
          </cell>
        </row>
      </sheetData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18.xml><?xml version="1.0" encoding="utf-8"?>
<externalLink xmlns="http://schemas.openxmlformats.org/spreadsheetml/2006/main">
  <externalBook xmlns:r="http://schemas.openxmlformats.org/officeDocument/2006/relationships" r:id="rId1">
    <sheetNames>
      <sheetName val="仮設"/>
      <sheetName val="土工"/>
      <sheetName val="躯集"/>
      <sheetName val="階別"/>
      <sheetName val="FO"/>
      <sheetName val="FS"/>
      <sheetName val="FG"/>
      <sheetName val="CO"/>
      <sheetName val="GA"/>
      <sheetName val="BE"/>
      <sheetName val="SL"/>
      <sheetName val="WA"/>
      <sheetName val="ST"/>
      <sheetName val="EX"/>
      <sheetName val="SLV"/>
      <sheetName val="鉄集"/>
      <sheetName val="鉄調"/>
      <sheetName val="鋼材"/>
      <sheetName val="仕集"/>
      <sheetName val="外部"/>
      <sheetName val="内部"/>
      <sheetName val="項目"/>
      <sheetName val="建集"/>
      <sheetName val="ｱﾙﾐ"/>
      <sheetName val="鋼建"/>
      <sheetName val="木建"/>
      <sheetName val="互換性レポー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19.xml><?xml version="1.0" encoding="utf-8"?>
<externalLink xmlns="http://schemas.openxmlformats.org/spreadsheetml/2006/main">
  <externalBook xmlns:r="http://schemas.openxmlformats.org/officeDocument/2006/relationships" r:id="rId1">
    <sheetNames>
      <sheetName val="一覧"/>
      <sheetName val="解体集計"/>
      <sheetName val="解体調書"/>
      <sheetName val="建集"/>
      <sheetName val="建具"/>
      <sheetName val="鉄集"/>
      <sheetName val="鉄調"/>
      <sheetName val="鋼材"/>
      <sheetName val="項目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6">
          <cell r="B6" t="str">
            <v>P6</v>
          </cell>
          <cell r="C6" t="str">
            <v>PL-6</v>
          </cell>
          <cell r="E6">
            <v>47.1</v>
          </cell>
        </row>
        <row r="7">
          <cell r="B7" t="str">
            <v>P9</v>
          </cell>
          <cell r="C7" t="str">
            <v>PL-9</v>
          </cell>
          <cell r="E7">
            <v>70.650000000000006</v>
          </cell>
        </row>
        <row r="8">
          <cell r="B8" t="str">
            <v>P12</v>
          </cell>
          <cell r="C8" t="str">
            <v>PL-12</v>
          </cell>
          <cell r="E8">
            <v>94.2</v>
          </cell>
        </row>
        <row r="9">
          <cell r="B9" t="str">
            <v>P16</v>
          </cell>
          <cell r="C9" t="str">
            <v>PL-16</v>
          </cell>
          <cell r="E9">
            <v>125.6</v>
          </cell>
        </row>
        <row r="10">
          <cell r="B10" t="str">
            <v>P19</v>
          </cell>
          <cell r="C10" t="str">
            <v>PL-19</v>
          </cell>
          <cell r="E10">
            <v>149.19999999999999</v>
          </cell>
        </row>
        <row r="11">
          <cell r="B11" t="str">
            <v>P22</v>
          </cell>
          <cell r="C11" t="str">
            <v>PL-22</v>
          </cell>
          <cell r="E11">
            <v>172.7</v>
          </cell>
        </row>
        <row r="12">
          <cell r="B12" t="str">
            <v>P22</v>
          </cell>
          <cell r="C12" t="str">
            <v>PL-22</v>
          </cell>
          <cell r="E12">
            <v>172.7</v>
          </cell>
        </row>
        <row r="13">
          <cell r="B13" t="str">
            <v>CH3</v>
          </cell>
          <cell r="C13" t="str">
            <v>CHP-3.2</v>
          </cell>
          <cell r="E13">
            <v>26.79</v>
          </cell>
        </row>
        <row r="15">
          <cell r="B15" t="str">
            <v>□66</v>
          </cell>
          <cell r="C15" t="str">
            <v>□-500x500</v>
          </cell>
          <cell r="D15" t="str">
            <v>x19</v>
          </cell>
          <cell r="E15">
            <v>277</v>
          </cell>
        </row>
        <row r="16">
          <cell r="B16" t="str">
            <v>H32</v>
          </cell>
          <cell r="C16" t="str">
            <v>H-582x300</v>
          </cell>
          <cell r="D16" t="str">
            <v>x12x17</v>
          </cell>
          <cell r="E16">
            <v>137</v>
          </cell>
        </row>
        <row r="17">
          <cell r="B17" t="str">
            <v>H28</v>
          </cell>
          <cell r="C17" t="str">
            <v>H-390x300</v>
          </cell>
          <cell r="D17" t="str">
            <v>x10x16</v>
          </cell>
          <cell r="E17">
            <v>107</v>
          </cell>
        </row>
        <row r="18">
          <cell r="B18" t="str">
            <v>H51</v>
          </cell>
          <cell r="C18" t="str">
            <v>H-300x300</v>
          </cell>
          <cell r="D18" t="str">
            <v>x10x15</v>
          </cell>
          <cell r="E18">
            <v>94</v>
          </cell>
        </row>
        <row r="19">
          <cell r="B19" t="str">
            <v>H25</v>
          </cell>
          <cell r="C19" t="str">
            <v>H-244x175</v>
          </cell>
          <cell r="D19" t="str">
            <v>x7x11</v>
          </cell>
          <cell r="E19">
            <v>44.1</v>
          </cell>
        </row>
        <row r="21">
          <cell r="B21" t="str">
            <v>H37</v>
          </cell>
          <cell r="C21" t="str">
            <v>H-792x300</v>
          </cell>
          <cell r="D21" t="str">
            <v>x14x22</v>
          </cell>
          <cell r="E21">
            <v>191</v>
          </cell>
        </row>
        <row r="22">
          <cell r="B22" t="str">
            <v>H15</v>
          </cell>
          <cell r="C22" t="str">
            <v>H-446x199</v>
          </cell>
          <cell r="D22" t="str">
            <v>x8x12</v>
          </cell>
          <cell r="E22">
            <v>66.2</v>
          </cell>
        </row>
        <row r="23">
          <cell r="B23" t="str">
            <v>H9</v>
          </cell>
          <cell r="C23" t="str">
            <v>H-298x149</v>
          </cell>
          <cell r="D23" t="str">
            <v>x5.5x8</v>
          </cell>
          <cell r="E23">
            <v>32</v>
          </cell>
        </row>
        <row r="24">
          <cell r="B24" t="str">
            <v>H13</v>
          </cell>
          <cell r="C24" t="str">
            <v>H-396x199</v>
          </cell>
          <cell r="D24" t="str">
            <v>x7x11</v>
          </cell>
          <cell r="E24">
            <v>56.6</v>
          </cell>
        </row>
        <row r="25">
          <cell r="B25" t="str">
            <v>H7</v>
          </cell>
          <cell r="C25" t="str">
            <v>H-248x124</v>
          </cell>
          <cell r="D25" t="str">
            <v>x5x8</v>
          </cell>
          <cell r="E25">
            <v>25.7</v>
          </cell>
        </row>
        <row r="27">
          <cell r="B27" t="str">
            <v>H5</v>
          </cell>
          <cell r="C27" t="str">
            <v>H-198x99</v>
          </cell>
          <cell r="D27" t="str">
            <v>x4.5x7</v>
          </cell>
          <cell r="E27">
            <v>18.2</v>
          </cell>
        </row>
        <row r="29">
          <cell r="B29" t="str">
            <v>H8</v>
          </cell>
          <cell r="C29" t="str">
            <v>H-250x125</v>
          </cell>
          <cell r="D29" t="str">
            <v>x6x9</v>
          </cell>
          <cell r="E29">
            <v>29.6</v>
          </cell>
        </row>
        <row r="30">
          <cell r="B30" t="str">
            <v>H11</v>
          </cell>
          <cell r="C30" t="str">
            <v>H-346x174</v>
          </cell>
          <cell r="D30" t="str">
            <v>x6x9</v>
          </cell>
          <cell r="E30">
            <v>41.4</v>
          </cell>
        </row>
        <row r="31">
          <cell r="B31" t="str">
            <v>H35</v>
          </cell>
          <cell r="C31" t="str">
            <v>H-692x300</v>
          </cell>
          <cell r="D31" t="str">
            <v>x13x20</v>
          </cell>
          <cell r="E31">
            <v>166</v>
          </cell>
        </row>
        <row r="32">
          <cell r="B32" t="str">
            <v>H42</v>
          </cell>
          <cell r="C32" t="str">
            <v>H-100x100</v>
          </cell>
          <cell r="D32" t="str">
            <v>x6x8</v>
          </cell>
          <cell r="E32">
            <v>17.2</v>
          </cell>
        </row>
        <row r="33">
          <cell r="B33" t="str">
            <v>□25</v>
          </cell>
          <cell r="C33" t="str">
            <v>□-125x125</v>
          </cell>
          <cell r="D33" t="str">
            <v>x3.2</v>
          </cell>
          <cell r="E33">
            <v>12</v>
          </cell>
        </row>
        <row r="34">
          <cell r="B34" t="str">
            <v>H17</v>
          </cell>
          <cell r="C34" t="str">
            <v>H-496x199</v>
          </cell>
          <cell r="D34" t="str">
            <v>x9x14</v>
          </cell>
          <cell r="E34">
            <v>79.5</v>
          </cell>
        </row>
        <row r="36">
          <cell r="B36" t="str">
            <v>H27</v>
          </cell>
          <cell r="C36" t="str">
            <v>H-340x250</v>
          </cell>
          <cell r="D36" t="str">
            <v>x9x14</v>
          </cell>
          <cell r="E36">
            <v>79.7</v>
          </cell>
        </row>
        <row r="37">
          <cell r="B37" t="str">
            <v>H26</v>
          </cell>
          <cell r="C37" t="str">
            <v>H-294x200</v>
          </cell>
          <cell r="D37" t="str">
            <v>x8x12</v>
          </cell>
          <cell r="E37">
            <v>56.8</v>
          </cell>
        </row>
        <row r="38">
          <cell r="B38" t="str">
            <v>□19</v>
          </cell>
          <cell r="C38" t="str">
            <v>□-100x100</v>
          </cell>
          <cell r="D38" t="str">
            <v>x3.2</v>
          </cell>
          <cell r="E38">
            <v>9.52</v>
          </cell>
        </row>
        <row r="40">
          <cell r="B40" t="str">
            <v>H44</v>
          </cell>
          <cell r="C40" t="str">
            <v>H-150x150</v>
          </cell>
          <cell r="D40" t="str">
            <v>x7x10</v>
          </cell>
          <cell r="E40">
            <v>31.5</v>
          </cell>
        </row>
        <row r="41">
          <cell r="B41" t="str">
            <v>H42</v>
          </cell>
          <cell r="C41" t="str">
            <v>H-100x100</v>
          </cell>
          <cell r="D41" t="str">
            <v>x6x8</v>
          </cell>
          <cell r="E41">
            <v>17.2</v>
          </cell>
        </row>
        <row r="43">
          <cell r="B43" t="str">
            <v>□40</v>
          </cell>
          <cell r="C43" t="str">
            <v>□-200x200</v>
          </cell>
          <cell r="D43" t="str">
            <v>x8</v>
          </cell>
          <cell r="E43">
            <v>46.9</v>
          </cell>
        </row>
        <row r="44">
          <cell r="B44" t="str">
            <v>□39</v>
          </cell>
          <cell r="C44" t="str">
            <v>□-200x200</v>
          </cell>
          <cell r="D44" t="str">
            <v>x6</v>
          </cell>
          <cell r="E44">
            <v>35.799999999999997</v>
          </cell>
        </row>
        <row r="45">
          <cell r="B45" t="str">
            <v>□37</v>
          </cell>
          <cell r="C45" t="str">
            <v>□-175x175</v>
          </cell>
          <cell r="D45" t="str">
            <v>x6</v>
          </cell>
          <cell r="E45">
            <v>31.1</v>
          </cell>
        </row>
        <row r="46">
          <cell r="B46" t="str">
            <v>□26</v>
          </cell>
          <cell r="C46" t="str">
            <v>□-125x125</v>
          </cell>
          <cell r="D46" t="str">
            <v>x4.5</v>
          </cell>
          <cell r="E46">
            <v>16.600000000000001</v>
          </cell>
        </row>
        <row r="47">
          <cell r="B47" t="str">
            <v>L17</v>
          </cell>
          <cell r="C47" t="str">
            <v>L-75x75</v>
          </cell>
          <cell r="D47" t="str">
            <v>x9</v>
          </cell>
          <cell r="E47">
            <v>9.9600000000000009</v>
          </cell>
        </row>
        <row r="48">
          <cell r="B48" t="str">
            <v>L16</v>
          </cell>
          <cell r="C48" t="str">
            <v>L-75x75</v>
          </cell>
          <cell r="D48" t="str">
            <v>x6</v>
          </cell>
          <cell r="E48">
            <v>6.85</v>
          </cell>
        </row>
        <row r="49">
          <cell r="B49" t="str">
            <v>L18</v>
          </cell>
          <cell r="C49" t="str">
            <v>L-75x75</v>
          </cell>
          <cell r="D49" t="str">
            <v>x12</v>
          </cell>
          <cell r="E49">
            <v>13</v>
          </cell>
        </row>
        <row r="50">
          <cell r="B50" t="str">
            <v>L13</v>
          </cell>
          <cell r="C50" t="str">
            <v>L-65x65</v>
          </cell>
          <cell r="D50" t="str">
            <v>x6</v>
          </cell>
          <cell r="E50">
            <v>5.91</v>
          </cell>
        </row>
        <row r="51">
          <cell r="B51" t="str">
            <v>φ6</v>
          </cell>
          <cell r="C51" t="str">
            <v>φ16</v>
          </cell>
          <cell r="E51">
            <v>1.58</v>
          </cell>
        </row>
        <row r="52">
          <cell r="B52" t="str">
            <v>CT1</v>
          </cell>
          <cell r="C52" t="str">
            <v>CT-198x199</v>
          </cell>
          <cell r="D52" t="str">
            <v>x7x11</v>
          </cell>
          <cell r="E52">
            <v>28.3</v>
          </cell>
        </row>
        <row r="54">
          <cell r="B54" t="str">
            <v>H18</v>
          </cell>
          <cell r="C54" t="str">
            <v>H-500x200</v>
          </cell>
          <cell r="D54" t="str">
            <v>x10x16</v>
          </cell>
          <cell r="E54">
            <v>89.6</v>
          </cell>
        </row>
        <row r="56">
          <cell r="B56" t="str">
            <v>［9</v>
          </cell>
          <cell r="C56" t="str">
            <v>［-250x90</v>
          </cell>
          <cell r="D56" t="str">
            <v>x9x13</v>
          </cell>
          <cell r="E56">
            <v>34.6</v>
          </cell>
        </row>
        <row r="57">
          <cell r="B57" t="str">
            <v>L9</v>
          </cell>
          <cell r="C57" t="str">
            <v>L-50x50</v>
          </cell>
          <cell r="D57" t="str">
            <v>x6</v>
          </cell>
          <cell r="E57">
            <v>4.43</v>
          </cell>
        </row>
        <row r="58">
          <cell r="B58" t="str">
            <v>CH4</v>
          </cell>
          <cell r="C58" t="str">
            <v>CHP-4.5</v>
          </cell>
          <cell r="E58">
            <v>36.99</v>
          </cell>
        </row>
        <row r="59">
          <cell r="B59" t="str">
            <v>〇30</v>
          </cell>
          <cell r="C59" t="str">
            <v>〇-139.8</v>
          </cell>
          <cell r="D59" t="str">
            <v>x4.5</v>
          </cell>
          <cell r="E59">
            <v>15</v>
          </cell>
        </row>
      </sheetData>
      <sheetData sheetId="8"/>
    </sheetDataSet>
  </externalBook>
</externalLink>
</file>

<file path=xl/externalLinks/externalLink2.xml><?xml version="1.0" encoding="utf-8"?>
<externalLink xmlns="http://schemas.openxmlformats.org/spreadsheetml/2006/main">
  <externalBook xmlns:r="http://schemas.openxmlformats.org/officeDocument/2006/relationships" r:id="rId1">
    <sheetNames>
      <sheetName val="複合単価1"/>
      <sheetName val="Sheet1"/>
    </sheetNames>
    <sheetDataSet>
      <sheetData sheetId="0"/>
      <sheetData sheetId="1"/>
    </sheetDataSet>
  </externalBook>
</externalLink>
</file>

<file path=xl/externalLinks/externalLink20.xml><?xml version="1.0" encoding="utf-8"?>
<externalLink xmlns="http://schemas.openxmlformats.org/spreadsheetml/2006/main">
  <externalBook xmlns:r="http://schemas.openxmlformats.org/officeDocument/2006/relationships" r:id="rId1">
    <sheetNames>
      <sheetName val="表紙"/>
      <sheetName val="目次"/>
      <sheetName val="目次 佐竹案"/>
      <sheetName val="全連用その１"/>
      <sheetName val="全連用その２"/>
      <sheetName val="全連用その３"/>
      <sheetName val="全連用その４"/>
      <sheetName val="02B 黒石"/>
      <sheetName val="07A 田島下郷"/>
      <sheetName val="07B 福島西部"/>
      <sheetName val="09C 安蘇"/>
      <sheetName val="09D 芳賀中部"/>
      <sheetName val="13H 奥多摩"/>
      <sheetName val="15D 上越"/>
      <sheetName val="19B 中巨摩"/>
      <sheetName val="麻生町"/>
      <sheetName val="22E 熱海"/>
      <sheetName val="24C 熊野"/>
      <sheetName val="24D 河芸"/>
      <sheetName val="30A 南部町"/>
      <sheetName val="34C 賀茂"/>
      <sheetName val="42B 勝本"/>
      <sheetName val="47B 本部"/>
      <sheetName val="基本単価表"/>
      <sheetName val="フォーマット"/>
      <sheetName val="質問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>
        <row r="7">
          <cell r="B7" t="str">
            <v>①</v>
          </cell>
          <cell r="C7" t="str">
            <v>HF30CL</v>
          </cell>
          <cell r="D7">
            <v>1000</v>
          </cell>
        </row>
        <row r="8">
          <cell r="B8" t="str">
            <v>②</v>
          </cell>
          <cell r="C8" t="str">
            <v>HF30I</v>
          </cell>
          <cell r="D8">
            <v>1030</v>
          </cell>
        </row>
        <row r="9">
          <cell r="B9" t="str">
            <v>③</v>
          </cell>
          <cell r="C9" t="str">
            <v>HN5L</v>
          </cell>
          <cell r="D9">
            <v>1050</v>
          </cell>
        </row>
        <row r="10">
          <cell r="B10" t="str">
            <v>④</v>
          </cell>
          <cell r="C10" t="str">
            <v>SCH11</v>
          </cell>
          <cell r="D10">
            <v>1050</v>
          </cell>
        </row>
        <row r="11">
          <cell r="B11" t="str">
            <v>⑤</v>
          </cell>
          <cell r="C11" t="str">
            <v>SCH12</v>
          </cell>
          <cell r="D11">
            <v>1090</v>
          </cell>
        </row>
        <row r="12">
          <cell r="B12" t="str">
            <v>⑥</v>
          </cell>
          <cell r="C12" t="str">
            <v>HF30IW</v>
          </cell>
          <cell r="D12">
            <v>1100</v>
          </cell>
        </row>
        <row r="14">
          <cell r="B14" t="str">
            <v xml:space="preserve">  2.耐熱鋳物(中央仕切金物除く)</v>
          </cell>
        </row>
        <row r="15">
          <cell r="B15" t="str">
            <v>①</v>
          </cell>
          <cell r="C15" t="str">
            <v>HF30CL</v>
          </cell>
          <cell r="D15">
            <v>900</v>
          </cell>
        </row>
        <row r="16">
          <cell r="B16" t="str">
            <v>②</v>
          </cell>
          <cell r="C16" t="str">
            <v>SCH11</v>
          </cell>
          <cell r="D16">
            <v>1050</v>
          </cell>
        </row>
      </sheetData>
      <sheetData sheetId="24"/>
      <sheetData sheetId="25"/>
    </sheetDataSet>
  </externalBook>
</externalLink>
</file>

<file path=xl/externalLinks/externalLink21.xml><?xml version="1.0" encoding="utf-8"?>
<externalLink xmlns="http://schemas.openxmlformats.org/spreadsheetml/2006/main">
  <externalBook xmlns:r="http://schemas.openxmlformats.org/officeDocument/2006/relationships" r:id="rId1">
    <sheetNames>
      <sheetName val="ｲﾝﾌﾟｯﾄ表 "/>
      <sheetName val="ご年-1(H14実)"/>
      <sheetName val="諸3(H14実)"/>
      <sheetName val="諸4･5(H14実)"/>
      <sheetName val="まとめ-1"/>
      <sheetName val="まとめ-2"/>
      <sheetName val="諸1"/>
      <sheetName val="諸3"/>
      <sheetName val="諸4"/>
      <sheetName val="諸5"/>
    </sheetNames>
    <sheetDataSet>
      <sheetData sheetId="0">
        <row r="4">
          <cell r="F4">
            <v>5.e-002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22.xml><?xml version="1.0" encoding="utf-8"?>
<externalLink xmlns="http://schemas.openxmlformats.org/spreadsheetml/2006/main">
  <externalBook xmlns:r="http://schemas.openxmlformats.org/officeDocument/2006/relationships" r:id="rId1">
    <sheetNames>
      <sheetName val="ｲﾝﾌﾟｯﾄ表 "/>
      <sheetName val="ご年-1(H14実)"/>
      <sheetName val="諸3(H14実)"/>
      <sheetName val="諸4･5(H14実)"/>
      <sheetName val="まとめ-1"/>
      <sheetName val="まとめ-2"/>
      <sheetName val="諸1"/>
      <sheetName val="諸3"/>
      <sheetName val="諸4"/>
      <sheetName val="諸5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23.xml><?xml version="1.0" encoding="utf-8"?>
<externalLink xmlns="http://schemas.openxmlformats.org/spreadsheetml/2006/main">
  <externalBook xmlns:r="http://schemas.openxmlformats.org/officeDocument/2006/relationships" r:id="rId1">
    <sheetNames>
      <sheetName val="器具ｺｰﾄﾞ"/>
      <sheetName val="照明率１"/>
      <sheetName val="照明率２"/>
      <sheetName val="授産照2"/>
      <sheetName val="Sheet1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4.xml><?xml version="1.0" encoding="utf-8"?>
<externalLink xmlns="http://schemas.openxmlformats.org/spreadsheetml/2006/main">
  <externalBook xmlns:r="http://schemas.openxmlformats.org/officeDocument/2006/relationships" r:id="rId1">
    <sheetNames>
      <sheetName val="器具ｺｰﾄﾞ"/>
      <sheetName val="照明率１"/>
      <sheetName val="照明率２"/>
      <sheetName val="授産照2"/>
      <sheetName val="Sheet1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5.xml><?xml version="1.0" encoding="utf-8"?>
<externalLink xmlns="http://schemas.openxmlformats.org/spreadsheetml/2006/main">
  <externalBook xmlns:r="http://schemas.openxmlformats.org/officeDocument/2006/relationships" r:id="rId1">
    <sheetNames>
      <sheetName val="器具ｺｰﾄﾞ"/>
      <sheetName val="照明率１"/>
      <sheetName val="照明率２"/>
    </sheetNames>
    <sheetDataSet>
      <sheetData sheetId="0"/>
      <sheetData sheetId="1"/>
      <sheetData sheetId="2">
        <row r="4">
          <cell r="B4">
            <v>0.2</v>
          </cell>
          <cell r="C4">
            <v>0.21</v>
          </cell>
          <cell r="D4">
            <v>0.25</v>
          </cell>
          <cell r="E4">
            <v>0.25</v>
          </cell>
          <cell r="F4">
            <v>0.25</v>
          </cell>
          <cell r="G4">
            <v>0.21</v>
          </cell>
          <cell r="H4">
            <v>0.21</v>
          </cell>
          <cell r="U4">
            <v>0.2</v>
          </cell>
        </row>
        <row r="5">
          <cell r="B5">
            <v>0.26</v>
          </cell>
          <cell r="C5">
            <v>0.28000000000000003</v>
          </cell>
          <cell r="D5">
            <v>0.33</v>
          </cell>
          <cell r="E5">
            <v>0.33</v>
          </cell>
          <cell r="F5">
            <v>0.33</v>
          </cell>
          <cell r="G5">
            <v>0.27</v>
          </cell>
          <cell r="H5">
            <v>0.27</v>
          </cell>
          <cell r="U5">
            <v>0.26</v>
          </cell>
        </row>
        <row r="6">
          <cell r="B6">
            <v>0.3</v>
          </cell>
          <cell r="C6">
            <v>0.32</v>
          </cell>
          <cell r="D6">
            <v>0.38</v>
          </cell>
          <cell r="E6">
            <v>0.38</v>
          </cell>
          <cell r="F6">
            <v>0.38</v>
          </cell>
          <cell r="G6">
            <v>0.31</v>
          </cell>
          <cell r="H6">
            <v>0.31</v>
          </cell>
          <cell r="U6">
            <v>0.3</v>
          </cell>
        </row>
        <row r="7">
          <cell r="B7">
            <v>0.34</v>
          </cell>
          <cell r="C7">
            <v>0.36</v>
          </cell>
          <cell r="D7">
            <v>0.44</v>
          </cell>
          <cell r="E7">
            <v>0.44</v>
          </cell>
          <cell r="F7">
            <v>0.44</v>
          </cell>
          <cell r="G7">
            <v>0.36</v>
          </cell>
          <cell r="H7">
            <v>0.36</v>
          </cell>
          <cell r="U7">
            <v>0.34</v>
          </cell>
        </row>
        <row r="8">
          <cell r="B8">
            <v>0.38</v>
          </cell>
          <cell r="C8">
            <v>0.4</v>
          </cell>
          <cell r="D8">
            <v>0.48</v>
          </cell>
          <cell r="E8">
            <v>0.48</v>
          </cell>
          <cell r="F8">
            <v>0.48</v>
          </cell>
          <cell r="G8">
            <v>0.4</v>
          </cell>
          <cell r="H8">
            <v>0.4</v>
          </cell>
          <cell r="U8">
            <v>0.37</v>
          </cell>
        </row>
        <row r="9">
          <cell r="B9">
            <v>0.43</v>
          </cell>
          <cell r="C9">
            <v>0.47</v>
          </cell>
          <cell r="D9">
            <v>0.54</v>
          </cell>
          <cell r="E9">
            <v>0.54</v>
          </cell>
          <cell r="F9">
            <v>0.54</v>
          </cell>
          <cell r="G9">
            <v>0.45</v>
          </cell>
          <cell r="H9">
            <v>0.45</v>
          </cell>
          <cell r="U9">
            <v>0.42</v>
          </cell>
        </row>
        <row r="10">
          <cell r="B10">
            <v>0.47</v>
          </cell>
          <cell r="C10">
            <v>0.5</v>
          </cell>
          <cell r="D10">
            <v>0.57999999999999996</v>
          </cell>
          <cell r="E10">
            <v>0.57999999999999996</v>
          </cell>
          <cell r="F10">
            <v>0.57999999999999996</v>
          </cell>
          <cell r="G10">
            <v>0.5</v>
          </cell>
          <cell r="H10">
            <v>0.5</v>
          </cell>
          <cell r="U10">
            <v>0.46</v>
          </cell>
        </row>
        <row r="11">
          <cell r="B11">
            <v>0.5</v>
          </cell>
          <cell r="C11">
            <v>0.53</v>
          </cell>
          <cell r="D11">
            <v>0.61</v>
          </cell>
          <cell r="E11">
            <v>0.61</v>
          </cell>
          <cell r="F11">
            <v>0.61</v>
          </cell>
          <cell r="G11">
            <v>0.52</v>
          </cell>
          <cell r="H11">
            <v>0.52</v>
          </cell>
          <cell r="U11">
            <v>0.48</v>
          </cell>
        </row>
        <row r="12">
          <cell r="B12">
            <v>0.54</v>
          </cell>
          <cell r="C12">
            <v>0.57999999999999996</v>
          </cell>
          <cell r="D12">
            <v>0.65</v>
          </cell>
          <cell r="E12">
            <v>0.65</v>
          </cell>
          <cell r="F12">
            <v>0.65</v>
          </cell>
          <cell r="G12">
            <v>0.56000000000000005</v>
          </cell>
          <cell r="H12">
            <v>0.56000000000000005</v>
          </cell>
          <cell r="U12">
            <v>0.52</v>
          </cell>
        </row>
        <row r="13">
          <cell r="B13">
            <v>0.56999999999999995</v>
          </cell>
          <cell r="C13">
            <v>0.61</v>
          </cell>
          <cell r="D13">
            <v>0.67</v>
          </cell>
          <cell r="E13">
            <v>0.67</v>
          </cell>
          <cell r="F13">
            <v>0.67</v>
          </cell>
          <cell r="G13">
            <v>0.59</v>
          </cell>
          <cell r="H13">
            <v>0.59</v>
          </cell>
          <cell r="U13">
            <v>0.54</v>
          </cell>
        </row>
      </sheetData>
    </sheetDataSet>
  </externalBook>
</externalLink>
</file>

<file path=xl/externalLinks/externalLink26.xml><?xml version="1.0" encoding="utf-8"?>
<externalLink xmlns="http://schemas.openxmlformats.org/spreadsheetml/2006/main">
  <externalBook xmlns:r="http://schemas.openxmlformats.org/officeDocument/2006/relationships" r:id="rId1">
    <sheetNames>
      <sheetName val="表紙"/>
      <sheetName val="内訳"/>
      <sheetName val="代価"/>
      <sheetName val="比較表"/>
    </sheetNames>
    <sheetDataSet>
      <sheetData sheetId="0"/>
      <sheetData sheetId="1">
        <row r="3">
          <cell r="J3" t="str">
            <v>見積</v>
          </cell>
          <cell r="K3">
            <v>0.7</v>
          </cell>
          <cell r="N3">
            <v>1</v>
          </cell>
        </row>
        <row r="4">
          <cell r="J4" t="str">
            <v>ｶﾀﾛｸﾞ</v>
          </cell>
          <cell r="K4">
            <v>0.7</v>
          </cell>
          <cell r="N4">
            <v>2</v>
          </cell>
        </row>
        <row r="5">
          <cell r="J5" t="str">
            <v>造園</v>
          </cell>
          <cell r="K5">
            <v>0.7</v>
          </cell>
          <cell r="N5">
            <v>2</v>
          </cell>
        </row>
        <row r="6">
          <cell r="J6" t="str">
            <v>ﾌﾟﾚﾊﾌﾞ</v>
          </cell>
          <cell r="K6">
            <v>0.7</v>
          </cell>
          <cell r="N6">
            <v>2</v>
          </cell>
        </row>
        <row r="7">
          <cell r="N7">
            <v>3</v>
          </cell>
        </row>
        <row r="8">
          <cell r="N8">
            <v>4</v>
          </cell>
        </row>
        <row r="9">
          <cell r="N9">
            <v>4</v>
          </cell>
        </row>
        <row r="10">
          <cell r="N10">
            <v>4</v>
          </cell>
        </row>
        <row r="12">
          <cell r="N12">
            <v>4</v>
          </cell>
        </row>
      </sheetData>
      <sheetData sheetId="2"/>
      <sheetData sheetId="3"/>
    </sheetDataSet>
  </externalBook>
</externalLink>
</file>

<file path=xl/externalLinks/externalLink27.xml><?xml version="1.0" encoding="utf-8"?>
<externalLink xmlns="http://schemas.openxmlformats.org/spreadsheetml/2006/main">
  <externalBook xmlns:r="http://schemas.openxmlformats.org/officeDocument/2006/relationships" r:id="rId1">
    <sheetNames>
      <sheetName val="訳"/>
      <sheetName val="共通仮設"/>
      <sheetName val="庭球"/>
      <sheetName val="ｸﾗﾌﾞﾊｳｽ"/>
      <sheetName val="身障者観覧席"/>
      <sheetName val="ﾌｪﾝｽ"/>
      <sheetName val="外構工事"/>
      <sheetName val="代価"/>
    </sheetNames>
    <sheetDataSet>
      <sheetData sheetId="0"/>
      <sheetData sheetId="1"/>
      <sheetData sheetId="2">
        <row r="3">
          <cell r="K3">
            <v>0.8</v>
          </cell>
        </row>
        <row r="4">
          <cell r="K4">
            <v>0.8</v>
          </cell>
        </row>
        <row r="5">
          <cell r="K5">
            <v>0.8</v>
          </cell>
        </row>
        <row r="6">
          <cell r="K6">
            <v>0.8</v>
          </cell>
        </row>
        <row r="8">
          <cell r="K8">
            <v>0.8</v>
          </cell>
        </row>
        <row r="9">
          <cell r="K9">
            <v>0.8</v>
          </cell>
        </row>
        <row r="10">
          <cell r="K10">
            <v>0.8</v>
          </cell>
        </row>
        <row r="11">
          <cell r="K11">
            <v>0.8</v>
          </cell>
        </row>
      </sheetData>
      <sheetData sheetId="3"/>
      <sheetData sheetId="4"/>
      <sheetData sheetId="5"/>
      <sheetData sheetId="6"/>
      <sheetData sheetId="7"/>
    </sheetDataSet>
  </externalBook>
</externalLink>
</file>

<file path=xl/externalLinks/externalLink28.xml><?xml version="1.0" encoding="utf-8"?>
<externalLink xmlns="http://schemas.openxmlformats.org/spreadsheetml/2006/main">
  <externalBook xmlns:r="http://schemas.openxmlformats.org/officeDocument/2006/relationships" r:id="rId1">
    <sheetNames>
      <sheetName val="Sheet1"/>
      <sheetName val="鏡"/>
      <sheetName val="空調換気"/>
      <sheetName val="衛生設備"/>
    </sheetNames>
    <sheetDataSet>
      <sheetData sheetId="0">
        <row r="2">
          <cell r="B2">
            <v>20400</v>
          </cell>
        </row>
      </sheetData>
      <sheetData sheetId="1"/>
      <sheetData sheetId="2"/>
      <sheetData sheetId="3"/>
    </sheetDataSet>
  </externalBook>
</externalLink>
</file>

<file path=xl/externalLinks/externalLink3.xml><?xml version="1.0" encoding="utf-8"?>
<externalLink xmlns="http://schemas.openxmlformats.org/spreadsheetml/2006/main">
  <externalBook xmlns:r="http://schemas.openxmlformats.org/officeDocument/2006/relationships" r:id="rId1">
    <sheetNames>
      <sheetName val="労務"/>
      <sheetName val="内訳書"/>
      <sheetName val="一位代価表"/>
      <sheetName val="一般複合単価表"/>
      <sheetName val="配管複合単価表"/>
      <sheetName val="搬入据付代価表"/>
      <sheetName val="撤去集計表"/>
      <sheetName val="廃材処分費算出表"/>
      <sheetName val="掛率調査表"/>
      <sheetName val="見積比較表"/>
      <sheetName val="単価比較表"/>
    </sheetNames>
    <sheetDataSet>
      <sheetData sheetId="0">
        <row r="9">
          <cell r="B9">
            <v>17700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>
        <row r="14">
          <cell r="J14">
            <v>0.5</v>
          </cell>
        </row>
        <row r="44">
          <cell r="J44">
            <v>0.42</v>
          </cell>
        </row>
      </sheetData>
      <sheetData sheetId="9"/>
      <sheetData sheetId="10"/>
    </sheetDataSet>
  </externalBook>
</externalLink>
</file>

<file path=xl/externalLinks/externalLink4.xml><?xml version="1.0" encoding="utf-8"?>
<externalLink xmlns="http://schemas.openxmlformats.org/spreadsheetml/2006/main">
  <externalBook xmlns:r="http://schemas.openxmlformats.org/officeDocument/2006/relationships" r:id="rId1">
    <sheetNames>
      <sheetName val="労務"/>
      <sheetName val="内訳書"/>
      <sheetName val="一位代価表"/>
      <sheetName val="一般複合単価表"/>
      <sheetName val="配管複合単価表"/>
      <sheetName val="搬入据付代価表"/>
      <sheetName val="撤去集計表"/>
      <sheetName val="廃材処分費算出表"/>
      <sheetName val="掛率調査表"/>
      <sheetName val="見積比較表"/>
      <sheetName val="単価比較表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5.xml><?xml version="1.0" encoding="utf-8"?>
<externalLink xmlns="http://schemas.openxmlformats.org/spreadsheetml/2006/main">
  <externalBook xmlns:r="http://schemas.openxmlformats.org/officeDocument/2006/relationships" r:id="rId1">
    <sheetNames>
      <sheetName val="社宅ﾏｸﾛ"/>
      <sheetName val="Sheet1"/>
    </sheetNames>
    <sheetDataSet>
      <sheetData sheetId="0"/>
      <sheetData sheetId="1"/>
    </sheetDataSet>
  </externalBook>
</externalLink>
</file>

<file path=xl/externalLinks/externalLink6.xml><?xml version="1.0" encoding="utf-8"?>
<externalLink xmlns="http://schemas.openxmlformats.org/spreadsheetml/2006/main">
  <externalBook xmlns:r="http://schemas.openxmlformats.org/officeDocument/2006/relationships" r:id="rId1">
    <sheetNames>
      <sheetName val="換気機器"/>
      <sheetName val="機械基礎"/>
      <sheetName val="ssﾀﾞｸﾄ集計"/>
      <sheetName val="ssﾀﾞｸﾄ拾い(1)"/>
      <sheetName val="ssﾀﾞｸﾄ拾い(2)"/>
      <sheetName val="ｽﾊﾟｲﾗﾙﾀﾞｸﾄ"/>
      <sheetName val="ﾀﾜﾐ継手"/>
      <sheetName val="吹出口吸込口"/>
      <sheetName val="ﾀﾞﾝﾊﾟｰ類"/>
      <sheetName val="チャンバー機械設備"/>
      <sheetName val="衛生器具"/>
      <sheetName val="屋内給水管"/>
      <sheetName val="屋内排水管"/>
      <sheetName val="屋外排水桝"/>
      <sheetName val="屋外排水土工事"/>
      <sheetName val="Sheet1"/>
      <sheetName val="Sheet2"/>
      <sheetName val="Sheet3"/>
      <sheetName val="Sheet4"/>
      <sheetName val="屋外"/>
    </sheetNames>
    <sheetDataSet>
      <sheetData sheetId="0"/>
      <sheetData sheetId="1"/>
      <sheetData sheetId="2"/>
      <sheetData sheetId="3">
        <row r="20">
          <cell r="AA20" t="str">
            <v>N0</v>
          </cell>
        </row>
        <row r="22">
          <cell r="W22" t="str">
            <v>保</v>
          </cell>
          <cell r="X22" t="str">
            <v>A-1</v>
          </cell>
          <cell r="Y22" t="str">
            <v>屋内露出中央機械室</v>
          </cell>
        </row>
        <row r="23">
          <cell r="W23" t="str">
            <v>温</v>
          </cell>
          <cell r="X23" t="str">
            <v>A-3</v>
          </cell>
          <cell r="Y23" t="str">
            <v xml:space="preserve"> 　〃 　居室、廊下など</v>
          </cell>
        </row>
        <row r="24">
          <cell r="W24" t="str">
            <v>施</v>
          </cell>
          <cell r="X24" t="str">
            <v>A-4</v>
          </cell>
          <cell r="Y24" t="str">
            <v>屋内隠ぺい</v>
          </cell>
        </row>
        <row r="25">
          <cell r="W25" t="str">
            <v>工</v>
          </cell>
          <cell r="X25" t="str">
            <v>A-5</v>
          </cell>
          <cell r="Y25" t="str">
            <v>屋外露出及び多湿箇所</v>
          </cell>
        </row>
        <row r="26">
          <cell r="L26" t="str">
            <v>亜鉛鉄板製矩形ダクト拾い表（１）</v>
          </cell>
          <cell r="W26" t="str">
            <v>区</v>
          </cell>
          <cell r="X26" t="str">
            <v>B-1</v>
          </cell>
          <cell r="Y26" t="str">
            <v>保温なし露出塗装のみ</v>
          </cell>
        </row>
        <row r="27">
          <cell r="A27" t="str">
            <v xml:space="preserve">  （矩形風道）</v>
          </cell>
          <cell r="W27" t="str">
            <v>分</v>
          </cell>
          <cell r="X27" t="str">
            <v>B-3</v>
          </cell>
          <cell r="Y27" t="str">
            <v>塗装なし隠蔽</v>
          </cell>
        </row>
        <row r="28">
          <cell r="A28" t="str">
            <v>工事種目</v>
          </cell>
          <cell r="C28" t="str">
            <v>換気設備</v>
          </cell>
          <cell r="E28" t="str">
            <v>図番</v>
          </cell>
          <cell r="I28" t="str">
            <v>階別</v>
          </cell>
          <cell r="L28" t="str">
            <v>系統</v>
          </cell>
          <cell r="O28" t="str">
            <v>縮尺</v>
          </cell>
          <cell r="X28" t="str">
            <v>B-4</v>
          </cell>
        </row>
        <row r="30">
          <cell r="D30" t="str">
            <v>周長</v>
          </cell>
          <cell r="E30" t="str">
            <v>保温施工区分</v>
          </cell>
          <cell r="O30" t="str">
            <v>計</v>
          </cell>
          <cell r="P30" t="str">
            <v xml:space="preserve">       風  道  表  面  積  （㎡）</v>
          </cell>
          <cell r="V30" t="str">
            <v>保温塗装区分</v>
          </cell>
        </row>
        <row r="31">
          <cell r="A31" t="str">
            <v xml:space="preserve">  ダクト寸法</v>
          </cell>
          <cell r="E31" t="str">
            <v>　　</v>
          </cell>
          <cell r="G31" t="str">
            <v xml:space="preserve">           長        さ   （m）</v>
          </cell>
          <cell r="P31" t="str">
            <v>～450</v>
          </cell>
          <cell r="Q31" t="str">
            <v>～750</v>
          </cell>
          <cell r="R31" t="str">
            <v>～1500</v>
          </cell>
          <cell r="S31" t="str">
            <v>～2200</v>
          </cell>
          <cell r="T31" t="str">
            <v>2201～</v>
          </cell>
          <cell r="V31" t="str">
            <v>A-1</v>
          </cell>
          <cell r="W31" t="str">
            <v>A-3</v>
          </cell>
          <cell r="X31" t="str">
            <v>A-4</v>
          </cell>
          <cell r="Y31" t="str">
            <v>A-5</v>
          </cell>
          <cell r="Z31" t="str">
            <v>B-1</v>
          </cell>
          <cell r="AA31" t="str">
            <v>B-3</v>
          </cell>
          <cell r="AB31" t="str">
            <v>B-4</v>
          </cell>
        </row>
        <row r="32">
          <cell r="D32" t="str">
            <v>(m)</v>
          </cell>
          <cell r="E32" t="str">
            <v>塗装施工区分</v>
          </cell>
          <cell r="O32" t="str">
            <v>（m）</v>
          </cell>
          <cell r="P32">
            <v>0.5</v>
          </cell>
          <cell r="Q32">
            <v>0.6</v>
          </cell>
          <cell r="R32">
            <v>0.8</v>
          </cell>
          <cell r="S32">
            <v>1</v>
          </cell>
          <cell r="T32">
            <v>1.2</v>
          </cell>
          <cell r="U32">
            <v>1.6</v>
          </cell>
          <cell r="V32" t="str">
            <v>GW25m/m</v>
          </cell>
        </row>
        <row r="33">
          <cell r="A33" t="str">
            <v>FS-1</v>
          </cell>
          <cell r="B33" t="str">
            <v>×</v>
          </cell>
          <cell r="D33">
            <v>0</v>
          </cell>
          <cell r="O33">
            <v>0</v>
          </cell>
          <cell r="P33" t="str">
            <v/>
          </cell>
          <cell r="Q33" t="str">
            <v/>
          </cell>
          <cell r="R33" t="str">
            <v/>
          </cell>
          <cell r="S33" t="str">
            <v/>
          </cell>
          <cell r="T33" t="str">
            <v/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</row>
        <row r="34">
          <cell r="A34">
            <v>700</v>
          </cell>
          <cell r="B34" t="str">
            <v>×</v>
          </cell>
          <cell r="C34">
            <v>700</v>
          </cell>
          <cell r="D34">
            <v>2.8</v>
          </cell>
          <cell r="E34" t="str">
            <v>B-1</v>
          </cell>
          <cell r="G34">
            <v>0.7</v>
          </cell>
          <cell r="H34">
            <v>1.8</v>
          </cell>
          <cell r="I34">
            <v>3.4</v>
          </cell>
          <cell r="J34">
            <v>1.2</v>
          </cell>
          <cell r="K34">
            <v>4.5</v>
          </cell>
          <cell r="L34">
            <v>3.5</v>
          </cell>
          <cell r="M34">
            <v>2.1</v>
          </cell>
          <cell r="N34">
            <v>10.199999999999999</v>
          </cell>
          <cell r="O34">
            <v>27.4</v>
          </cell>
          <cell r="P34" t="str">
            <v/>
          </cell>
          <cell r="Q34">
            <v>76.72</v>
          </cell>
          <cell r="R34" t="str">
            <v/>
          </cell>
          <cell r="S34" t="str">
            <v/>
          </cell>
          <cell r="T34" t="str">
            <v/>
          </cell>
          <cell r="V34" t="str">
            <v/>
          </cell>
          <cell r="W34" t="str">
            <v/>
          </cell>
          <cell r="X34" t="str">
            <v/>
          </cell>
          <cell r="Y34" t="str">
            <v/>
          </cell>
          <cell r="Z34">
            <v>76.72</v>
          </cell>
          <cell r="AA34" t="str">
            <v/>
          </cell>
          <cell r="AB34" t="str">
            <v/>
          </cell>
        </row>
        <row r="35">
          <cell r="A35">
            <v>700</v>
          </cell>
          <cell r="B35" t="str">
            <v>×</v>
          </cell>
          <cell r="C35">
            <v>700</v>
          </cell>
          <cell r="D35">
            <v>2.8</v>
          </cell>
          <cell r="E35" t="str">
            <v>B-3</v>
          </cell>
          <cell r="G35">
            <v>3</v>
          </cell>
          <cell r="O35">
            <v>3</v>
          </cell>
          <cell r="P35" t="str">
            <v/>
          </cell>
          <cell r="Q35">
            <v>8.3999999999999986</v>
          </cell>
          <cell r="R35" t="str">
            <v/>
          </cell>
          <cell r="S35" t="str">
            <v/>
          </cell>
          <cell r="T35" t="str">
            <v/>
          </cell>
          <cell r="V35" t="str">
            <v/>
          </cell>
          <cell r="W35" t="str">
            <v/>
          </cell>
          <cell r="X35" t="str">
            <v/>
          </cell>
          <cell r="Y35" t="str">
            <v/>
          </cell>
          <cell r="Z35" t="str">
            <v/>
          </cell>
          <cell r="AA35">
            <v>8.3999999999999986</v>
          </cell>
          <cell r="AB35" t="str">
            <v/>
          </cell>
        </row>
        <row r="36">
          <cell r="A36">
            <v>700</v>
          </cell>
          <cell r="B36" t="str">
            <v>×</v>
          </cell>
          <cell r="C36">
            <v>550</v>
          </cell>
          <cell r="D36">
            <v>2.5</v>
          </cell>
          <cell r="E36" t="str">
            <v>B-1</v>
          </cell>
          <cell r="G36">
            <v>3.7</v>
          </cell>
          <cell r="O36">
            <v>3.7</v>
          </cell>
          <cell r="P36" t="str">
            <v/>
          </cell>
          <cell r="Q36">
            <v>9.25</v>
          </cell>
          <cell r="R36" t="str">
            <v/>
          </cell>
          <cell r="S36" t="str">
            <v/>
          </cell>
          <cell r="T36" t="str">
            <v/>
          </cell>
          <cell r="V36" t="str">
            <v/>
          </cell>
          <cell r="W36" t="str">
            <v/>
          </cell>
          <cell r="X36" t="str">
            <v/>
          </cell>
          <cell r="Y36" t="str">
            <v/>
          </cell>
          <cell r="Z36">
            <v>9.25</v>
          </cell>
          <cell r="AA36" t="str">
            <v/>
          </cell>
          <cell r="AB36" t="str">
            <v/>
          </cell>
        </row>
        <row r="37">
          <cell r="A37">
            <v>700</v>
          </cell>
          <cell r="B37" t="str">
            <v>×</v>
          </cell>
          <cell r="C37">
            <v>450</v>
          </cell>
          <cell r="D37">
            <v>2.2999999999999998</v>
          </cell>
          <cell r="E37" t="str">
            <v>B-1</v>
          </cell>
          <cell r="G37">
            <v>4.2</v>
          </cell>
          <cell r="O37">
            <v>4.2</v>
          </cell>
          <cell r="P37" t="str">
            <v/>
          </cell>
          <cell r="Q37">
            <v>9.66</v>
          </cell>
          <cell r="R37" t="str">
            <v/>
          </cell>
          <cell r="S37" t="str">
            <v/>
          </cell>
          <cell r="T37" t="str">
            <v/>
          </cell>
          <cell r="V37" t="str">
            <v/>
          </cell>
          <cell r="W37" t="str">
            <v/>
          </cell>
          <cell r="X37" t="str">
            <v/>
          </cell>
          <cell r="Y37" t="str">
            <v/>
          </cell>
          <cell r="Z37">
            <v>9.66</v>
          </cell>
          <cell r="AA37" t="str">
            <v/>
          </cell>
          <cell r="AB37" t="str">
            <v/>
          </cell>
        </row>
        <row r="38">
          <cell r="A38">
            <v>600</v>
          </cell>
          <cell r="B38" t="str">
            <v>×</v>
          </cell>
          <cell r="C38">
            <v>400</v>
          </cell>
          <cell r="D38">
            <v>2</v>
          </cell>
          <cell r="E38" t="str">
            <v>B-1</v>
          </cell>
          <cell r="G38">
            <v>5</v>
          </cell>
          <cell r="O38">
            <v>5</v>
          </cell>
          <cell r="P38" t="str">
            <v/>
          </cell>
          <cell r="Q38">
            <v>10</v>
          </cell>
          <cell r="R38" t="str">
            <v/>
          </cell>
          <cell r="S38" t="str">
            <v/>
          </cell>
          <cell r="T38" t="str">
            <v/>
          </cell>
          <cell r="V38" t="str">
            <v/>
          </cell>
          <cell r="W38" t="str">
            <v/>
          </cell>
          <cell r="X38" t="str">
            <v/>
          </cell>
          <cell r="Y38" t="str">
            <v/>
          </cell>
          <cell r="Z38">
            <v>10</v>
          </cell>
          <cell r="AA38" t="str">
            <v/>
          </cell>
          <cell r="AB38" t="str">
            <v/>
          </cell>
        </row>
        <row r="39">
          <cell r="A39">
            <v>400</v>
          </cell>
          <cell r="B39" t="str">
            <v>×</v>
          </cell>
          <cell r="C39">
            <v>350</v>
          </cell>
          <cell r="D39">
            <v>1.5</v>
          </cell>
          <cell r="E39" t="str">
            <v>B-1</v>
          </cell>
          <cell r="G39">
            <v>4.5</v>
          </cell>
          <cell r="O39">
            <v>4.5</v>
          </cell>
          <cell r="P39">
            <v>6.75</v>
          </cell>
          <cell r="Q39" t="str">
            <v/>
          </cell>
          <cell r="R39" t="str">
            <v/>
          </cell>
          <cell r="S39" t="str">
            <v/>
          </cell>
          <cell r="T39" t="str">
            <v/>
          </cell>
          <cell r="V39" t="str">
            <v/>
          </cell>
          <cell r="W39" t="str">
            <v/>
          </cell>
          <cell r="X39" t="str">
            <v/>
          </cell>
          <cell r="Y39" t="str">
            <v/>
          </cell>
          <cell r="Z39">
            <v>6.75</v>
          </cell>
          <cell r="AA39" t="str">
            <v/>
          </cell>
          <cell r="AB39" t="str">
            <v/>
          </cell>
        </row>
        <row r="40">
          <cell r="A40">
            <v>400</v>
          </cell>
          <cell r="B40" t="str">
            <v>×</v>
          </cell>
          <cell r="C40">
            <v>400</v>
          </cell>
          <cell r="D40">
            <v>1.6</v>
          </cell>
          <cell r="E40" t="str">
            <v>B-1</v>
          </cell>
          <cell r="G40">
            <v>0.8</v>
          </cell>
          <cell r="H40">
            <v>6.2</v>
          </cell>
          <cell r="I40">
            <v>2.8</v>
          </cell>
          <cell r="O40">
            <v>9.8000000000000007</v>
          </cell>
          <cell r="P40">
            <v>15.680000000000001</v>
          </cell>
          <cell r="Q40" t="str">
            <v/>
          </cell>
          <cell r="R40" t="str">
            <v/>
          </cell>
          <cell r="S40" t="str">
            <v/>
          </cell>
          <cell r="T40" t="str">
            <v/>
          </cell>
          <cell r="V40" t="str">
            <v/>
          </cell>
          <cell r="W40" t="str">
            <v/>
          </cell>
          <cell r="X40" t="str">
            <v/>
          </cell>
          <cell r="Y40" t="str">
            <v/>
          </cell>
          <cell r="Z40">
            <v>15.680000000000001</v>
          </cell>
          <cell r="AA40" t="str">
            <v/>
          </cell>
          <cell r="AB40" t="str">
            <v/>
          </cell>
        </row>
        <row r="41">
          <cell r="A41">
            <v>350</v>
          </cell>
          <cell r="B41" t="str">
            <v>×</v>
          </cell>
          <cell r="C41">
            <v>350</v>
          </cell>
          <cell r="D41">
            <v>1.4</v>
          </cell>
          <cell r="E41" t="str">
            <v>B-1</v>
          </cell>
          <cell r="G41">
            <v>5</v>
          </cell>
          <cell r="O41">
            <v>5</v>
          </cell>
          <cell r="P41">
            <v>7</v>
          </cell>
          <cell r="Q41" t="str">
            <v/>
          </cell>
          <cell r="R41" t="str">
            <v/>
          </cell>
          <cell r="S41" t="str">
            <v/>
          </cell>
          <cell r="T41" t="str">
            <v/>
          </cell>
          <cell r="V41" t="str">
            <v/>
          </cell>
          <cell r="W41" t="str">
            <v/>
          </cell>
          <cell r="X41" t="str">
            <v/>
          </cell>
          <cell r="Y41" t="str">
            <v/>
          </cell>
          <cell r="Z41">
            <v>7</v>
          </cell>
          <cell r="AA41" t="str">
            <v/>
          </cell>
          <cell r="AB41" t="str">
            <v/>
          </cell>
        </row>
        <row r="42">
          <cell r="A42">
            <v>300</v>
          </cell>
          <cell r="B42" t="str">
            <v>×</v>
          </cell>
          <cell r="C42">
            <v>300</v>
          </cell>
          <cell r="D42">
            <v>1.2</v>
          </cell>
          <cell r="E42" t="str">
            <v>B-1</v>
          </cell>
          <cell r="G42">
            <v>5</v>
          </cell>
          <cell r="O42">
            <v>5</v>
          </cell>
          <cell r="P42">
            <v>6</v>
          </cell>
          <cell r="Q42" t="str">
            <v/>
          </cell>
          <cell r="R42" t="str">
            <v/>
          </cell>
          <cell r="S42" t="str">
            <v/>
          </cell>
          <cell r="T42" t="str">
            <v/>
          </cell>
          <cell r="V42" t="str">
            <v/>
          </cell>
          <cell r="W42" t="str">
            <v/>
          </cell>
          <cell r="X42" t="str">
            <v/>
          </cell>
          <cell r="Y42" t="str">
            <v/>
          </cell>
          <cell r="Z42">
            <v>6</v>
          </cell>
          <cell r="AA42" t="str">
            <v/>
          </cell>
          <cell r="AB42" t="str">
            <v/>
          </cell>
        </row>
        <row r="43">
          <cell r="A43">
            <v>300</v>
          </cell>
          <cell r="B43" t="str">
            <v>×</v>
          </cell>
          <cell r="C43">
            <v>200</v>
          </cell>
          <cell r="D43">
            <v>1</v>
          </cell>
          <cell r="E43" t="str">
            <v>B-1</v>
          </cell>
          <cell r="G43">
            <v>4.4000000000000004</v>
          </cell>
          <cell r="O43">
            <v>4.4000000000000004</v>
          </cell>
          <cell r="P43">
            <v>4.4000000000000004</v>
          </cell>
          <cell r="Q43" t="str">
            <v/>
          </cell>
          <cell r="R43" t="str">
            <v/>
          </cell>
          <cell r="S43" t="str">
            <v/>
          </cell>
          <cell r="T43" t="str">
            <v/>
          </cell>
          <cell r="V43" t="str">
            <v/>
          </cell>
          <cell r="W43" t="str">
            <v/>
          </cell>
          <cell r="X43" t="str">
            <v/>
          </cell>
          <cell r="Y43" t="str">
            <v/>
          </cell>
          <cell r="Z43">
            <v>4.4000000000000004</v>
          </cell>
          <cell r="AA43" t="str">
            <v/>
          </cell>
          <cell r="AB43" t="str">
            <v/>
          </cell>
        </row>
        <row r="44">
          <cell r="B44" t="str">
            <v>×</v>
          </cell>
          <cell r="D44">
            <v>0</v>
          </cell>
          <cell r="O44">
            <v>0</v>
          </cell>
          <cell r="P44" t="str">
            <v/>
          </cell>
          <cell r="Q44" t="str">
            <v/>
          </cell>
          <cell r="R44" t="str">
            <v/>
          </cell>
          <cell r="S44" t="str">
            <v/>
          </cell>
          <cell r="T44" t="str">
            <v/>
          </cell>
          <cell r="V44">
            <v>0</v>
          </cell>
          <cell r="W44">
            <v>0</v>
          </cell>
          <cell r="X44">
            <v>0</v>
          </cell>
          <cell r="Y44">
            <v>0</v>
          </cell>
          <cell r="Z44">
            <v>0</v>
          </cell>
          <cell r="AA44">
            <v>0</v>
          </cell>
          <cell r="AB44">
            <v>0</v>
          </cell>
        </row>
        <row r="45">
          <cell r="B45" t="str">
            <v>×</v>
          </cell>
          <cell r="D45">
            <v>0</v>
          </cell>
          <cell r="O45">
            <v>0</v>
          </cell>
          <cell r="P45" t="str">
            <v/>
          </cell>
          <cell r="Q45" t="str">
            <v/>
          </cell>
          <cell r="R45" t="str">
            <v/>
          </cell>
          <cell r="S45" t="str">
            <v/>
          </cell>
          <cell r="T45" t="str">
            <v/>
          </cell>
          <cell r="V45">
            <v>0</v>
          </cell>
          <cell r="W45">
            <v>0</v>
          </cell>
          <cell r="X45">
            <v>0</v>
          </cell>
          <cell r="Y45">
            <v>0</v>
          </cell>
          <cell r="Z45">
            <v>0</v>
          </cell>
          <cell r="AA45">
            <v>0</v>
          </cell>
          <cell r="AB45">
            <v>0</v>
          </cell>
        </row>
        <row r="46">
          <cell r="A46" t="str">
            <v>FS-2</v>
          </cell>
          <cell r="B46" t="str">
            <v>×</v>
          </cell>
          <cell r="D46">
            <v>0</v>
          </cell>
          <cell r="O46">
            <v>0</v>
          </cell>
          <cell r="P46" t="str">
            <v/>
          </cell>
          <cell r="Q46" t="str">
            <v/>
          </cell>
          <cell r="R46" t="str">
            <v/>
          </cell>
          <cell r="S46" t="str">
            <v/>
          </cell>
          <cell r="T46" t="str">
            <v/>
          </cell>
          <cell r="V46">
            <v>0</v>
          </cell>
          <cell r="W46">
            <v>0</v>
          </cell>
          <cell r="X46">
            <v>0</v>
          </cell>
          <cell r="Y46">
            <v>0</v>
          </cell>
          <cell r="Z46">
            <v>0</v>
          </cell>
          <cell r="AA46">
            <v>0</v>
          </cell>
          <cell r="AB46">
            <v>0</v>
          </cell>
        </row>
        <row r="47">
          <cell r="A47">
            <v>400</v>
          </cell>
          <cell r="B47" t="str">
            <v>×</v>
          </cell>
          <cell r="C47">
            <v>400</v>
          </cell>
          <cell r="D47">
            <v>1.6</v>
          </cell>
          <cell r="E47" t="str">
            <v>B-1</v>
          </cell>
          <cell r="G47">
            <v>0.4</v>
          </cell>
          <cell r="H47">
            <v>1.7</v>
          </cell>
          <cell r="I47">
            <v>3.4</v>
          </cell>
          <cell r="J47">
            <v>1.2</v>
          </cell>
          <cell r="K47">
            <v>0.8</v>
          </cell>
          <cell r="L47">
            <v>1.7</v>
          </cell>
          <cell r="M47">
            <v>3</v>
          </cell>
          <cell r="N47">
            <v>2.7</v>
          </cell>
          <cell r="O47">
            <v>14.899999999999999</v>
          </cell>
          <cell r="P47">
            <v>23.84</v>
          </cell>
          <cell r="Q47" t="str">
            <v/>
          </cell>
          <cell r="R47" t="str">
            <v/>
          </cell>
          <cell r="S47" t="str">
            <v/>
          </cell>
          <cell r="T47" t="str">
            <v/>
          </cell>
          <cell r="V47" t="str">
            <v/>
          </cell>
          <cell r="W47" t="str">
            <v/>
          </cell>
          <cell r="X47" t="str">
            <v/>
          </cell>
          <cell r="Y47" t="str">
            <v/>
          </cell>
          <cell r="Z47">
            <v>23.84</v>
          </cell>
          <cell r="AA47" t="str">
            <v/>
          </cell>
          <cell r="AB47" t="str">
            <v/>
          </cell>
        </row>
        <row r="48">
          <cell r="A48">
            <v>400</v>
          </cell>
          <cell r="B48" t="str">
            <v>×</v>
          </cell>
          <cell r="C48">
            <v>400</v>
          </cell>
          <cell r="D48">
            <v>1.6</v>
          </cell>
          <cell r="E48" t="str">
            <v>A-1</v>
          </cell>
          <cell r="G48">
            <v>0.5</v>
          </cell>
          <cell r="H48">
            <v>3</v>
          </cell>
          <cell r="O48">
            <v>3.5</v>
          </cell>
          <cell r="P48">
            <v>5.6</v>
          </cell>
          <cell r="Q48" t="str">
            <v/>
          </cell>
          <cell r="R48" t="str">
            <v/>
          </cell>
          <cell r="S48" t="str">
            <v/>
          </cell>
          <cell r="T48" t="str">
            <v/>
          </cell>
          <cell r="V48">
            <v>5.6</v>
          </cell>
          <cell r="W48" t="str">
            <v/>
          </cell>
          <cell r="X48" t="str">
            <v/>
          </cell>
          <cell r="Y48" t="str">
            <v/>
          </cell>
          <cell r="Z48" t="str">
            <v/>
          </cell>
          <cell r="AA48" t="str">
            <v/>
          </cell>
          <cell r="AB48" t="str">
            <v/>
          </cell>
        </row>
        <row r="49">
          <cell r="A49">
            <v>350</v>
          </cell>
          <cell r="B49" t="str">
            <v>×</v>
          </cell>
          <cell r="C49">
            <v>300</v>
          </cell>
          <cell r="D49">
            <v>1.3</v>
          </cell>
          <cell r="E49" t="str">
            <v>A-1</v>
          </cell>
          <cell r="G49">
            <v>5</v>
          </cell>
          <cell r="O49">
            <v>5</v>
          </cell>
          <cell r="P49">
            <v>6.5</v>
          </cell>
          <cell r="Q49" t="str">
            <v/>
          </cell>
          <cell r="R49" t="str">
            <v/>
          </cell>
          <cell r="S49" t="str">
            <v/>
          </cell>
          <cell r="T49" t="str">
            <v/>
          </cell>
          <cell r="V49">
            <v>6.5</v>
          </cell>
          <cell r="W49" t="str">
            <v/>
          </cell>
          <cell r="X49" t="str">
            <v/>
          </cell>
          <cell r="Y49" t="str">
            <v/>
          </cell>
          <cell r="Z49" t="str">
            <v/>
          </cell>
          <cell r="AA49" t="str">
            <v/>
          </cell>
          <cell r="AB49" t="str">
            <v/>
          </cell>
        </row>
        <row r="50">
          <cell r="A50">
            <v>300</v>
          </cell>
          <cell r="B50" t="str">
            <v>×</v>
          </cell>
          <cell r="C50">
            <v>200</v>
          </cell>
          <cell r="D50">
            <v>1</v>
          </cell>
          <cell r="E50" t="str">
            <v>A-1</v>
          </cell>
          <cell r="G50">
            <v>4.4000000000000004</v>
          </cell>
          <cell r="O50">
            <v>4.4000000000000004</v>
          </cell>
          <cell r="P50">
            <v>4.4000000000000004</v>
          </cell>
          <cell r="Q50" t="str">
            <v/>
          </cell>
          <cell r="R50" t="str">
            <v/>
          </cell>
          <cell r="S50" t="str">
            <v/>
          </cell>
          <cell r="T50" t="str">
            <v/>
          </cell>
          <cell r="V50">
            <v>4.4000000000000004</v>
          </cell>
          <cell r="W50" t="str">
            <v/>
          </cell>
          <cell r="X50" t="str">
            <v/>
          </cell>
          <cell r="Y50" t="str">
            <v/>
          </cell>
          <cell r="Z50" t="str">
            <v/>
          </cell>
          <cell r="AA50" t="str">
            <v/>
          </cell>
          <cell r="AB50" t="str">
            <v/>
          </cell>
        </row>
        <row r="51">
          <cell r="A51">
            <v>400</v>
          </cell>
          <cell r="B51" t="str">
            <v>×</v>
          </cell>
          <cell r="C51">
            <v>400</v>
          </cell>
          <cell r="D51">
            <v>1.6</v>
          </cell>
          <cell r="E51" t="str">
            <v>B-1</v>
          </cell>
          <cell r="F51" t="str">
            <v>1.6t</v>
          </cell>
          <cell r="G51">
            <v>1</v>
          </cell>
          <cell r="O51">
            <v>1</v>
          </cell>
          <cell r="Q51" t="str">
            <v/>
          </cell>
          <cell r="R51" t="str">
            <v/>
          </cell>
          <cell r="S51" t="str">
            <v/>
          </cell>
          <cell r="T51" t="str">
            <v/>
          </cell>
          <cell r="U51">
            <v>1.6</v>
          </cell>
          <cell r="V51" t="str">
            <v/>
          </cell>
          <cell r="W51" t="str">
            <v/>
          </cell>
          <cell r="X51" t="str">
            <v/>
          </cell>
          <cell r="Y51" t="str">
            <v/>
          </cell>
          <cell r="Z51">
            <v>1.6</v>
          </cell>
          <cell r="AA51" t="str">
            <v/>
          </cell>
          <cell r="AB51" t="str">
            <v/>
          </cell>
        </row>
        <row r="52">
          <cell r="B52" t="str">
            <v>×</v>
          </cell>
          <cell r="D52">
            <v>0</v>
          </cell>
          <cell r="O52">
            <v>0</v>
          </cell>
          <cell r="P52" t="str">
            <v/>
          </cell>
          <cell r="Q52" t="str">
            <v/>
          </cell>
          <cell r="R52" t="str">
            <v/>
          </cell>
          <cell r="S52" t="str">
            <v/>
          </cell>
          <cell r="T52" t="str">
            <v/>
          </cell>
          <cell r="V52">
            <v>0</v>
          </cell>
          <cell r="W52">
            <v>0</v>
          </cell>
          <cell r="X52">
            <v>0</v>
          </cell>
          <cell r="Y52">
            <v>0</v>
          </cell>
          <cell r="Z52">
            <v>0</v>
          </cell>
          <cell r="AA52">
            <v>0</v>
          </cell>
          <cell r="AB52">
            <v>0</v>
          </cell>
        </row>
        <row r="53">
          <cell r="A53" t="str">
            <v>FS-3</v>
          </cell>
          <cell r="B53" t="str">
            <v>×</v>
          </cell>
          <cell r="D53">
            <v>0</v>
          </cell>
          <cell r="O53">
            <v>0</v>
          </cell>
          <cell r="P53" t="str">
            <v/>
          </cell>
          <cell r="Q53" t="str">
            <v/>
          </cell>
          <cell r="R53" t="str">
            <v/>
          </cell>
          <cell r="S53" t="str">
            <v/>
          </cell>
          <cell r="T53" t="str">
            <v/>
          </cell>
          <cell r="V53">
            <v>0</v>
          </cell>
          <cell r="W53">
            <v>0</v>
          </cell>
          <cell r="X53">
            <v>0</v>
          </cell>
          <cell r="Y53">
            <v>0</v>
          </cell>
          <cell r="Z53">
            <v>0</v>
          </cell>
          <cell r="AA53">
            <v>0</v>
          </cell>
          <cell r="AB53">
            <v>0</v>
          </cell>
        </row>
        <row r="54">
          <cell r="A54">
            <v>350</v>
          </cell>
          <cell r="B54" t="str">
            <v>×</v>
          </cell>
          <cell r="C54">
            <v>350</v>
          </cell>
          <cell r="D54">
            <v>1.4</v>
          </cell>
          <cell r="E54" t="str">
            <v>B-1</v>
          </cell>
          <cell r="G54">
            <v>0.4</v>
          </cell>
          <cell r="H54">
            <v>0.8</v>
          </cell>
          <cell r="I54">
            <v>1</v>
          </cell>
          <cell r="J54">
            <v>1</v>
          </cell>
          <cell r="K54">
            <v>1.2</v>
          </cell>
          <cell r="L54">
            <v>3.4</v>
          </cell>
          <cell r="M54">
            <v>3</v>
          </cell>
          <cell r="O54">
            <v>10.8</v>
          </cell>
          <cell r="P54">
            <v>15.12</v>
          </cell>
          <cell r="Q54" t="str">
            <v/>
          </cell>
          <cell r="R54" t="str">
            <v/>
          </cell>
          <cell r="S54" t="str">
            <v/>
          </cell>
          <cell r="T54" t="str">
            <v/>
          </cell>
          <cell r="V54" t="str">
            <v/>
          </cell>
          <cell r="W54" t="str">
            <v/>
          </cell>
          <cell r="X54" t="str">
            <v/>
          </cell>
          <cell r="Y54" t="str">
            <v/>
          </cell>
          <cell r="Z54">
            <v>15.12</v>
          </cell>
          <cell r="AA54" t="str">
            <v/>
          </cell>
          <cell r="AB54" t="str">
            <v/>
          </cell>
        </row>
        <row r="55">
          <cell r="B55" t="str">
            <v>×</v>
          </cell>
          <cell r="D55">
            <v>0</v>
          </cell>
          <cell r="O55">
            <v>0</v>
          </cell>
          <cell r="P55" t="str">
            <v/>
          </cell>
          <cell r="Q55" t="str">
            <v/>
          </cell>
          <cell r="R55" t="str">
            <v/>
          </cell>
          <cell r="S55" t="str">
            <v/>
          </cell>
          <cell r="T55" t="str">
            <v/>
          </cell>
          <cell r="V55">
            <v>0</v>
          </cell>
          <cell r="W55">
            <v>0</v>
          </cell>
          <cell r="X55">
            <v>0</v>
          </cell>
          <cell r="Y55">
            <v>0</v>
          </cell>
          <cell r="Z55">
            <v>0</v>
          </cell>
          <cell r="AA55">
            <v>0</v>
          </cell>
          <cell r="AB55">
            <v>0</v>
          </cell>
        </row>
        <row r="56">
          <cell r="B56" t="str">
            <v>×</v>
          </cell>
          <cell r="D56">
            <v>0</v>
          </cell>
          <cell r="O56">
            <v>0</v>
          </cell>
          <cell r="P56" t="str">
            <v/>
          </cell>
          <cell r="Q56" t="str">
            <v/>
          </cell>
          <cell r="R56" t="str">
            <v/>
          </cell>
          <cell r="S56" t="str">
            <v/>
          </cell>
          <cell r="T56" t="str">
            <v/>
          </cell>
          <cell r="V56">
            <v>0</v>
          </cell>
          <cell r="W56">
            <v>0</v>
          </cell>
          <cell r="X56">
            <v>0</v>
          </cell>
          <cell r="Y56">
            <v>0</v>
          </cell>
          <cell r="Z56">
            <v>0</v>
          </cell>
          <cell r="AA56">
            <v>0</v>
          </cell>
          <cell r="AB56">
            <v>0</v>
          </cell>
        </row>
        <row r="57">
          <cell r="B57" t="str">
            <v>×</v>
          </cell>
          <cell r="D57">
            <v>0</v>
          </cell>
          <cell r="O57">
            <v>0</v>
          </cell>
          <cell r="P57" t="str">
            <v/>
          </cell>
          <cell r="Q57" t="str">
            <v/>
          </cell>
          <cell r="R57" t="str">
            <v/>
          </cell>
          <cell r="S57" t="str">
            <v/>
          </cell>
          <cell r="T57" t="str">
            <v/>
          </cell>
          <cell r="V57">
            <v>0</v>
          </cell>
          <cell r="W57">
            <v>0</v>
          </cell>
          <cell r="X57">
            <v>0</v>
          </cell>
          <cell r="Y57">
            <v>0</v>
          </cell>
          <cell r="Z57">
            <v>0</v>
          </cell>
          <cell r="AA57">
            <v>0</v>
          </cell>
          <cell r="AB57">
            <v>0</v>
          </cell>
        </row>
        <row r="58">
          <cell r="B58" t="str">
            <v>×</v>
          </cell>
          <cell r="D58">
            <v>0</v>
          </cell>
          <cell r="O58">
            <v>0</v>
          </cell>
          <cell r="P58" t="str">
            <v/>
          </cell>
          <cell r="Q58" t="str">
            <v/>
          </cell>
          <cell r="R58" t="str">
            <v/>
          </cell>
          <cell r="S58" t="str">
            <v/>
          </cell>
          <cell r="T58" t="str">
            <v/>
          </cell>
          <cell r="V58">
            <v>0</v>
          </cell>
          <cell r="W58">
            <v>0</v>
          </cell>
          <cell r="X58">
            <v>0</v>
          </cell>
          <cell r="Y58">
            <v>0</v>
          </cell>
          <cell r="Z58">
            <v>0</v>
          </cell>
          <cell r="AA58">
            <v>0</v>
          </cell>
          <cell r="AB58">
            <v>0</v>
          </cell>
        </row>
        <row r="59">
          <cell r="B59" t="str">
            <v>×</v>
          </cell>
          <cell r="D59">
            <v>0</v>
          </cell>
          <cell r="O59">
            <v>0</v>
          </cell>
          <cell r="P59" t="str">
            <v/>
          </cell>
          <cell r="Q59" t="str">
            <v/>
          </cell>
          <cell r="R59" t="str">
            <v/>
          </cell>
          <cell r="S59" t="str">
            <v/>
          </cell>
          <cell r="T59" t="str">
            <v/>
          </cell>
          <cell r="V59">
            <v>0</v>
          </cell>
          <cell r="W59">
            <v>0</v>
          </cell>
          <cell r="X59">
            <v>0</v>
          </cell>
          <cell r="Y59">
            <v>0</v>
          </cell>
          <cell r="Z59">
            <v>0</v>
          </cell>
          <cell r="AA59">
            <v>0</v>
          </cell>
          <cell r="AB59">
            <v>0</v>
          </cell>
        </row>
        <row r="60">
          <cell r="B60" t="str">
            <v>×</v>
          </cell>
          <cell r="D60">
            <v>0</v>
          </cell>
          <cell r="O60">
            <v>0</v>
          </cell>
          <cell r="P60" t="str">
            <v/>
          </cell>
          <cell r="Q60" t="str">
            <v/>
          </cell>
          <cell r="R60" t="str">
            <v/>
          </cell>
          <cell r="S60" t="str">
            <v/>
          </cell>
          <cell r="T60" t="str">
            <v/>
          </cell>
          <cell r="V60">
            <v>0</v>
          </cell>
          <cell r="W60">
            <v>0</v>
          </cell>
          <cell r="X60">
            <v>0</v>
          </cell>
          <cell r="Y60">
            <v>0</v>
          </cell>
          <cell r="Z60">
            <v>0</v>
          </cell>
          <cell r="AA60">
            <v>0</v>
          </cell>
          <cell r="AB60">
            <v>0</v>
          </cell>
        </row>
        <row r="61">
          <cell r="B61" t="str">
            <v>×</v>
          </cell>
          <cell r="D61">
            <v>0</v>
          </cell>
          <cell r="O61">
            <v>0</v>
          </cell>
          <cell r="P61" t="str">
            <v/>
          </cell>
          <cell r="Q61" t="str">
            <v/>
          </cell>
          <cell r="R61" t="str">
            <v/>
          </cell>
          <cell r="S61" t="str">
            <v/>
          </cell>
          <cell r="T61" t="str">
            <v/>
          </cell>
          <cell r="V61">
            <v>0</v>
          </cell>
          <cell r="W61">
            <v>0</v>
          </cell>
          <cell r="X61">
            <v>0</v>
          </cell>
          <cell r="Y61">
            <v>0</v>
          </cell>
          <cell r="Z61">
            <v>0</v>
          </cell>
          <cell r="AA61">
            <v>0</v>
          </cell>
          <cell r="AB61">
            <v>0</v>
          </cell>
        </row>
        <row r="62">
          <cell r="B62" t="str">
            <v>×</v>
          </cell>
          <cell r="D62">
            <v>0</v>
          </cell>
          <cell r="O62">
            <v>0</v>
          </cell>
          <cell r="P62" t="str">
            <v/>
          </cell>
          <cell r="Q62" t="str">
            <v/>
          </cell>
          <cell r="R62" t="str">
            <v/>
          </cell>
          <cell r="S62" t="str">
            <v/>
          </cell>
          <cell r="T62" t="str">
            <v/>
          </cell>
          <cell r="V62">
            <v>0</v>
          </cell>
          <cell r="W62">
            <v>0</v>
          </cell>
          <cell r="X62">
            <v>0</v>
          </cell>
          <cell r="Y62">
            <v>0</v>
          </cell>
          <cell r="Z62">
            <v>0</v>
          </cell>
          <cell r="AA62">
            <v>0</v>
          </cell>
          <cell r="AB62">
            <v>0</v>
          </cell>
        </row>
        <row r="63">
          <cell r="B63" t="str">
            <v>×</v>
          </cell>
          <cell r="D63">
            <v>0</v>
          </cell>
          <cell r="O63">
            <v>0</v>
          </cell>
          <cell r="P63" t="str">
            <v/>
          </cell>
          <cell r="Q63" t="str">
            <v/>
          </cell>
          <cell r="R63" t="str">
            <v/>
          </cell>
          <cell r="S63" t="str">
            <v/>
          </cell>
          <cell r="T63" t="str">
            <v/>
          </cell>
          <cell r="V63">
            <v>0</v>
          </cell>
          <cell r="W63">
            <v>0</v>
          </cell>
          <cell r="X63">
            <v>0</v>
          </cell>
          <cell r="Y63">
            <v>0</v>
          </cell>
          <cell r="Z63">
            <v>0</v>
          </cell>
          <cell r="AA63">
            <v>0</v>
          </cell>
          <cell r="AB63">
            <v>0</v>
          </cell>
        </row>
        <row r="64">
          <cell r="P64">
            <v>95.29</v>
          </cell>
          <cell r="Q64">
            <v>114.03</v>
          </cell>
          <cell r="R64">
            <v>0</v>
          </cell>
          <cell r="S64">
            <v>0</v>
          </cell>
          <cell r="T64">
            <v>0</v>
          </cell>
          <cell r="U64">
            <v>1.6</v>
          </cell>
          <cell r="V64">
            <v>16.5</v>
          </cell>
          <cell r="W64">
            <v>0</v>
          </cell>
          <cell r="X64">
            <v>0</v>
          </cell>
          <cell r="Y64">
            <v>0</v>
          </cell>
          <cell r="Z64">
            <v>186.02</v>
          </cell>
          <cell r="AA64">
            <v>8.3999999999999986</v>
          </cell>
          <cell r="AB64">
            <v>0</v>
          </cell>
        </row>
        <row r="65">
          <cell r="G65" t="str">
            <v>計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</sheetDataSet>
  </externalBook>
</externalLink>
</file>

<file path=xl/externalLinks/externalLink7.xml><?xml version="1.0" encoding="utf-8"?>
<externalLink xmlns="http://schemas.openxmlformats.org/spreadsheetml/2006/main">
  <externalBook xmlns:r="http://schemas.openxmlformats.org/officeDocument/2006/relationships" r:id="rId1">
    <sheetNames>
      <sheetName val="仮設"/>
      <sheetName val="土工"/>
      <sheetName val="躯集"/>
      <sheetName val="階別"/>
      <sheetName val="FO"/>
      <sheetName val="FS"/>
      <sheetName val="FG"/>
      <sheetName val="CO"/>
      <sheetName val="GA"/>
      <sheetName val="BE"/>
      <sheetName val="SL"/>
      <sheetName val="WA"/>
      <sheetName val="ST"/>
      <sheetName val="EX"/>
      <sheetName val="SLV"/>
      <sheetName val="鉄集"/>
      <sheetName val="鉄調"/>
      <sheetName val="鋼材"/>
      <sheetName val="仕集"/>
      <sheetName val="外部"/>
      <sheetName val="内部"/>
      <sheetName val="項目"/>
      <sheetName val="建集"/>
      <sheetName val="ｱﾙﾐ"/>
      <sheetName val="鋼建"/>
      <sheetName val="木建"/>
      <sheetName val="互換性レポー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2">
          <cell r="K2" t="str">
            <v>HB2</v>
          </cell>
          <cell r="L2" t="str">
            <v>HT2</v>
          </cell>
          <cell r="M2" t="str">
            <v>HL2</v>
          </cell>
          <cell r="N2" t="str">
            <v>F2</v>
          </cell>
          <cell r="O2" t="str">
            <v>F1</v>
          </cell>
        </row>
        <row r="5">
          <cell r="K5">
            <v>1.1499999999999999</v>
          </cell>
          <cell r="L5">
            <v>1.21</v>
          </cell>
          <cell r="M5">
            <v>1.06</v>
          </cell>
          <cell r="N5">
            <v>0.5</v>
          </cell>
          <cell r="O5">
            <v>0.45</v>
          </cell>
        </row>
        <row r="6">
          <cell r="B6" t="str">
            <v>A1</v>
          </cell>
          <cell r="C6" t="str">
            <v>AB-M22</v>
          </cell>
          <cell r="D6" t="str">
            <v xml:space="preserve"> L=900</v>
          </cell>
          <cell r="K6">
            <v>1.99</v>
          </cell>
          <cell r="L6">
            <v>1.67</v>
          </cell>
          <cell r="M6">
            <v>1.71</v>
          </cell>
          <cell r="N6">
            <v>0.89</v>
          </cell>
          <cell r="O6">
            <v>0.7</v>
          </cell>
        </row>
        <row r="7">
          <cell r="B7" t="str">
            <v>BS1</v>
          </cell>
          <cell r="C7" t="str">
            <v>ﾍﾞｰｽﾓﾙﾀﾙ</v>
          </cell>
          <cell r="D7" t="str">
            <v>400x400</v>
          </cell>
          <cell r="K7">
            <v>2.5</v>
          </cell>
          <cell r="L7">
            <v>2.2000000000000002</v>
          </cell>
          <cell r="M7">
            <v>2.2200000000000002</v>
          </cell>
          <cell r="N7">
            <v>1.39</v>
          </cell>
          <cell r="O7">
            <v>1</v>
          </cell>
        </row>
        <row r="8">
          <cell r="K8">
            <v>3.06</v>
          </cell>
          <cell r="L8">
            <v>3.27</v>
          </cell>
          <cell r="M8">
            <v>3.3</v>
          </cell>
          <cell r="N8">
            <v>1.39</v>
          </cell>
          <cell r="O8">
            <v>1.36</v>
          </cell>
        </row>
        <row r="9">
          <cell r="B9" t="str">
            <v>P6</v>
          </cell>
          <cell r="C9" t="str">
            <v>PL-6</v>
          </cell>
          <cell r="E9">
            <v>47.1</v>
          </cell>
          <cell r="F9">
            <v>21.23</v>
          </cell>
          <cell r="K9">
            <v>3.36</v>
          </cell>
          <cell r="L9">
            <v>3.66</v>
          </cell>
          <cell r="M9">
            <v>3.66</v>
          </cell>
          <cell r="N9">
            <v>2</v>
          </cell>
          <cell r="O9">
            <v>1.78</v>
          </cell>
        </row>
        <row r="10">
          <cell r="B10" t="str">
            <v>P9</v>
          </cell>
          <cell r="C10" t="str">
            <v>PL-9</v>
          </cell>
          <cell r="E10">
            <v>70.650000000000006</v>
          </cell>
          <cell r="F10">
            <v>14.15</v>
          </cell>
          <cell r="K10">
            <v>3.7</v>
          </cell>
          <cell r="L10">
            <v>4.12</v>
          </cell>
          <cell r="M10">
            <v>4.08</v>
          </cell>
          <cell r="N10">
            <v>2.72</v>
          </cell>
          <cell r="O10">
            <v>2.25</v>
          </cell>
        </row>
        <row r="11">
          <cell r="B11" t="str">
            <v>P12</v>
          </cell>
          <cell r="C11" t="str">
            <v>PL-12</v>
          </cell>
          <cell r="E11">
            <v>94.2</v>
          </cell>
          <cell r="F11">
            <v>10.62</v>
          </cell>
          <cell r="K11">
            <v>6.09</v>
          </cell>
          <cell r="L11">
            <v>6.79</v>
          </cell>
          <cell r="M11">
            <v>6.7</v>
          </cell>
          <cell r="N11">
            <v>2.72</v>
          </cell>
          <cell r="O11">
            <v>2.78</v>
          </cell>
        </row>
        <row r="12">
          <cell r="B12" t="str">
            <v>P22</v>
          </cell>
          <cell r="C12" t="str">
            <v>PL-22</v>
          </cell>
          <cell r="E12">
            <v>172.7</v>
          </cell>
          <cell r="F12">
            <v>5.79</v>
          </cell>
          <cell r="K12">
            <v>6.52</v>
          </cell>
          <cell r="L12">
            <v>7.39</v>
          </cell>
          <cell r="M12">
            <v>7.23</v>
          </cell>
          <cell r="N12">
            <v>3.56</v>
          </cell>
          <cell r="O12">
            <v>3.36</v>
          </cell>
        </row>
        <row r="13">
          <cell r="B13" t="str">
            <v>P16C</v>
          </cell>
          <cell r="C13" t="str">
            <v>PL-16</v>
          </cell>
          <cell r="E13">
            <v>125.6</v>
          </cell>
          <cell r="F13">
            <v>7.96</v>
          </cell>
          <cell r="K13">
            <v>7</v>
          </cell>
          <cell r="L13">
            <v>8.0399999999999991</v>
          </cell>
          <cell r="M13">
            <v>7.81</v>
          </cell>
          <cell r="N13">
            <v>4.5</v>
          </cell>
          <cell r="O13">
            <v>4</v>
          </cell>
        </row>
        <row r="14">
          <cell r="B14" t="str">
            <v>P19C</v>
          </cell>
          <cell r="C14" t="str">
            <v>PL-19</v>
          </cell>
          <cell r="E14">
            <v>149.19999999999999</v>
          </cell>
          <cell r="F14">
            <v>6.7</v>
          </cell>
          <cell r="K14">
            <v>8.06</v>
          </cell>
          <cell r="L14">
            <v>8.75</v>
          </cell>
          <cell r="M14">
            <v>8.69</v>
          </cell>
          <cell r="N14">
            <v>5.56</v>
          </cell>
          <cell r="O14">
            <v>4.6900000000000004</v>
          </cell>
        </row>
        <row r="15">
          <cell r="K15">
            <v>8.65</v>
          </cell>
          <cell r="L15">
            <v>9.51</v>
          </cell>
          <cell r="M15">
            <v>9.3800000000000008</v>
          </cell>
          <cell r="N15">
            <v>5.56</v>
          </cell>
          <cell r="O15">
            <v>5.44</v>
          </cell>
        </row>
        <row r="16">
          <cell r="B16" t="str">
            <v>H6</v>
          </cell>
          <cell r="C16" t="str">
            <v>H-200x100</v>
          </cell>
          <cell r="D16" t="str">
            <v>x5.5x8</v>
          </cell>
          <cell r="E16">
            <v>20.9</v>
          </cell>
          <cell r="F16">
            <v>36.15</v>
          </cell>
          <cell r="G16">
            <v>47</v>
          </cell>
          <cell r="H16">
            <v>184</v>
          </cell>
          <cell r="K16">
            <v>9.3000000000000007</v>
          </cell>
          <cell r="L16">
            <v>10.34</v>
          </cell>
          <cell r="M16">
            <v>10.11</v>
          </cell>
          <cell r="N16">
            <v>6.72</v>
          </cell>
          <cell r="O16">
            <v>6.25</v>
          </cell>
        </row>
        <row r="17">
          <cell r="B17" t="str">
            <v>H10</v>
          </cell>
          <cell r="C17" t="str">
            <v>H-300x150</v>
          </cell>
          <cell r="D17" t="str">
            <v>x6.5x9</v>
          </cell>
          <cell r="E17">
            <v>36.700000000000003</v>
          </cell>
          <cell r="F17">
            <v>31.74</v>
          </cell>
          <cell r="G17">
            <v>72</v>
          </cell>
          <cell r="H17">
            <v>282</v>
          </cell>
          <cell r="K17">
            <v>9.99</v>
          </cell>
          <cell r="L17">
            <v>11.22</v>
          </cell>
          <cell r="M17">
            <v>10.9</v>
          </cell>
          <cell r="N17">
            <v>8</v>
          </cell>
          <cell r="O17">
            <v>7.11</v>
          </cell>
        </row>
        <row r="18">
          <cell r="B18" t="str">
            <v>H14</v>
          </cell>
          <cell r="C18" t="str">
            <v>H-400x200</v>
          </cell>
          <cell r="D18" t="str">
            <v>x8x13</v>
          </cell>
          <cell r="E18">
            <v>66</v>
          </cell>
          <cell r="F18">
            <v>23.58</v>
          </cell>
          <cell r="G18">
            <v>96</v>
          </cell>
          <cell r="H18">
            <v>374</v>
          </cell>
          <cell r="K18">
            <v>10.72</v>
          </cell>
          <cell r="L18">
            <v>12.16</v>
          </cell>
          <cell r="M18">
            <v>11.73</v>
          </cell>
          <cell r="N18">
            <v>3.98</v>
          </cell>
          <cell r="O18">
            <v>8.0299999999999994</v>
          </cell>
        </row>
        <row r="19">
          <cell r="B19" t="str">
            <v>□47</v>
          </cell>
          <cell r="C19" t="str">
            <v>□-250x250</v>
          </cell>
          <cell r="D19" t="str">
            <v>x12</v>
          </cell>
          <cell r="E19">
            <v>86.8</v>
          </cell>
          <cell r="F19">
            <v>11.05</v>
          </cell>
          <cell r="K19">
            <v>11.5</v>
          </cell>
          <cell r="L19">
            <v>13.15</v>
          </cell>
          <cell r="M19">
            <v>12.6</v>
          </cell>
          <cell r="N19">
            <v>4.8099999999999996</v>
          </cell>
          <cell r="O19">
            <v>9</v>
          </cell>
        </row>
        <row r="20">
          <cell r="B20" t="str">
            <v>□48</v>
          </cell>
          <cell r="C20" t="str">
            <v>□-250x250</v>
          </cell>
          <cell r="D20" t="str">
            <v>x16</v>
          </cell>
          <cell r="E20">
            <v>112</v>
          </cell>
          <cell r="F20">
            <v>11.05</v>
          </cell>
          <cell r="K20">
            <v>12.33</v>
          </cell>
          <cell r="L20">
            <v>14.21</v>
          </cell>
          <cell r="M20">
            <v>13.52</v>
          </cell>
          <cell r="N20">
            <v>4.8099999999999996</v>
          </cell>
          <cell r="O20">
            <v>10</v>
          </cell>
        </row>
        <row r="21">
          <cell r="K21">
            <v>14.44</v>
          </cell>
          <cell r="L21">
            <v>15.04</v>
          </cell>
          <cell r="M21">
            <v>14.49</v>
          </cell>
          <cell r="N21">
            <v>5.73</v>
          </cell>
          <cell r="O21">
            <v>11.1</v>
          </cell>
        </row>
        <row r="22">
          <cell r="B22" t="str">
            <v>L9</v>
          </cell>
          <cell r="C22" t="str">
            <v>L-50x50</v>
          </cell>
          <cell r="D22" t="str">
            <v>x6</v>
          </cell>
          <cell r="E22">
            <v>4.43</v>
          </cell>
          <cell r="F22">
            <v>43.57</v>
          </cell>
          <cell r="K22">
            <v>16.02</v>
          </cell>
          <cell r="L22">
            <v>16</v>
          </cell>
          <cell r="M22">
            <v>15.64</v>
          </cell>
          <cell r="N22">
            <v>6.72</v>
          </cell>
          <cell r="O22">
            <v>12.3</v>
          </cell>
        </row>
        <row r="23">
          <cell r="B23" t="str">
            <v>L14</v>
          </cell>
          <cell r="C23" t="str">
            <v>L-65x65</v>
          </cell>
          <cell r="D23" t="str">
            <v>x8</v>
          </cell>
          <cell r="E23">
            <v>7.66</v>
          </cell>
          <cell r="F23">
            <v>32.770000000000003</v>
          </cell>
          <cell r="K23">
            <v>16.88</v>
          </cell>
          <cell r="L23">
            <v>17</v>
          </cell>
          <cell r="M23">
            <v>16.54</v>
          </cell>
          <cell r="N23">
            <v>6.72</v>
          </cell>
          <cell r="O23">
            <v>13.4</v>
          </cell>
        </row>
        <row r="24">
          <cell r="K24">
            <v>17.77</v>
          </cell>
          <cell r="L24">
            <v>18.03</v>
          </cell>
          <cell r="M24">
            <v>17.47</v>
          </cell>
          <cell r="N24">
            <v>7.79</v>
          </cell>
          <cell r="O24">
            <v>14.7</v>
          </cell>
        </row>
        <row r="25">
          <cell r="B25" t="str">
            <v>THT17</v>
          </cell>
          <cell r="C25" t="str">
            <v>HTB-M20</v>
          </cell>
          <cell r="D25" t="str">
            <v xml:space="preserve"> L=45</v>
          </cell>
          <cell r="E25">
            <v>0.32800000000000001</v>
          </cell>
          <cell r="K25">
            <v>18.7</v>
          </cell>
          <cell r="L25">
            <v>19.11</v>
          </cell>
          <cell r="M25">
            <v>18.43</v>
          </cell>
          <cell r="N25">
            <v>7.79</v>
          </cell>
          <cell r="O25">
            <v>16</v>
          </cell>
        </row>
        <row r="26">
          <cell r="B26" t="str">
            <v>THT18</v>
          </cell>
          <cell r="C26" t="str">
            <v>HTB-M20</v>
          </cell>
          <cell r="D26" t="str">
            <v xml:space="preserve"> L=50</v>
          </cell>
          <cell r="E26">
            <v>0.34100000000000003</v>
          </cell>
          <cell r="K26">
            <v>19.649999999999999</v>
          </cell>
          <cell r="L26">
            <v>20.22</v>
          </cell>
          <cell r="M26">
            <v>19.43</v>
          </cell>
          <cell r="N26">
            <v>8.9499999999999993</v>
          </cell>
          <cell r="O26">
            <v>17.399999999999999</v>
          </cell>
        </row>
        <row r="27">
          <cell r="B27" t="str">
            <v>THT19</v>
          </cell>
          <cell r="C27" t="str">
            <v>HTB-M20</v>
          </cell>
          <cell r="D27" t="str">
            <v xml:space="preserve"> L=55</v>
          </cell>
          <cell r="E27">
            <v>0.35399999999999998</v>
          </cell>
          <cell r="K27">
            <v>20.64</v>
          </cell>
          <cell r="L27">
            <v>21.37</v>
          </cell>
          <cell r="M27">
            <v>20.45</v>
          </cell>
          <cell r="N27">
            <v>10.18</v>
          </cell>
          <cell r="O27">
            <v>18.7</v>
          </cell>
        </row>
        <row r="28">
          <cell r="B28" t="str">
            <v>THT20</v>
          </cell>
          <cell r="C28" t="str">
            <v>HTB-M20</v>
          </cell>
          <cell r="D28" t="str">
            <v xml:space="preserve"> L=60</v>
          </cell>
          <cell r="E28">
            <v>0.36699999999999999</v>
          </cell>
          <cell r="K28">
            <v>21.66</v>
          </cell>
          <cell r="L28">
            <v>22.55</v>
          </cell>
          <cell r="M28">
            <v>21.5</v>
          </cell>
          <cell r="N28">
            <v>10.18</v>
          </cell>
          <cell r="O28">
            <v>20.2</v>
          </cell>
        </row>
        <row r="29">
          <cell r="B29" t="str">
            <v>THT21</v>
          </cell>
          <cell r="C29" t="str">
            <v>HTB-M20</v>
          </cell>
          <cell r="D29" t="str">
            <v xml:space="preserve"> L=65</v>
          </cell>
          <cell r="E29">
            <v>0.38</v>
          </cell>
          <cell r="K29">
            <v>22.71</v>
          </cell>
          <cell r="L29">
            <v>23.77</v>
          </cell>
          <cell r="M29">
            <v>22.58</v>
          </cell>
          <cell r="N29">
            <v>11.49</v>
          </cell>
          <cell r="O29">
            <v>21.8</v>
          </cell>
        </row>
        <row r="30">
          <cell r="B30" t="str">
            <v>THT22</v>
          </cell>
          <cell r="C30" t="str">
            <v>HTB-M20</v>
          </cell>
          <cell r="D30" t="str">
            <v xml:space="preserve"> L=70</v>
          </cell>
          <cell r="E30">
            <v>0.39300000000000002</v>
          </cell>
          <cell r="K30">
            <v>23.79</v>
          </cell>
          <cell r="L30">
            <v>25.03</v>
          </cell>
          <cell r="M30">
            <v>23.69</v>
          </cell>
          <cell r="N30">
            <v>11.49</v>
          </cell>
          <cell r="O30">
            <v>23.3</v>
          </cell>
        </row>
        <row r="31">
          <cell r="B31" t="str">
            <v>DS1</v>
          </cell>
          <cell r="C31" t="str">
            <v>ﾃﾞｯｷﾌﾟﾚｰﾄ</v>
          </cell>
          <cell r="D31" t="str">
            <v>EZ-50-1.2</v>
          </cell>
          <cell r="E31">
            <v>13.4</v>
          </cell>
          <cell r="F31">
            <v>111</v>
          </cell>
          <cell r="K31">
            <v>24.91</v>
          </cell>
          <cell r="L31">
            <v>26.32</v>
          </cell>
          <cell r="M31">
            <v>24.82</v>
          </cell>
          <cell r="N31">
            <v>12.88</v>
          </cell>
          <cell r="O31">
            <v>25</v>
          </cell>
        </row>
        <row r="32">
          <cell r="B32" t="str">
            <v>DS2</v>
          </cell>
          <cell r="C32" t="str">
            <v>ﾃﾞｯｷ流止め</v>
          </cell>
          <cell r="D32" t="str">
            <v>H130</v>
          </cell>
          <cell r="K32">
            <v>26.05</v>
          </cell>
          <cell r="L32">
            <v>27.66</v>
          </cell>
          <cell r="M32">
            <v>25.99</v>
          </cell>
          <cell r="N32">
            <v>12.88</v>
          </cell>
        </row>
        <row r="33">
          <cell r="B33" t="str">
            <v>KS</v>
          </cell>
          <cell r="C33" t="str">
            <v>検査</v>
          </cell>
          <cell r="K33">
            <v>27.23</v>
          </cell>
          <cell r="L33">
            <v>29.03</v>
          </cell>
          <cell r="M33">
            <v>27.19</v>
          </cell>
          <cell r="N33">
            <v>14.35</v>
          </cell>
        </row>
        <row r="34">
          <cell r="B34" t="str">
            <v>W</v>
          </cell>
          <cell r="C34" t="str">
            <v>工場溶接</v>
          </cell>
          <cell r="D34" t="str">
            <v>6㎜換算</v>
          </cell>
        </row>
      </sheetData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8.xml><?xml version="1.0" encoding="utf-8"?>
<externalLink xmlns="http://schemas.openxmlformats.org/spreadsheetml/2006/main">
  <externalBook xmlns:r="http://schemas.openxmlformats.org/officeDocument/2006/relationships" r:id="rId1">
    <sheetNames>
      <sheetName val="原価管理表"/>
      <sheetName val="業者コード表"/>
      <sheetName val="調達依頼書 (a社)"/>
      <sheetName val="a社(Fax-01) "/>
      <sheetName val="調達依頼書 (b社)"/>
      <sheetName val="b社(Fax-01)  "/>
      <sheetName val="調達依頼書 (c社)"/>
      <sheetName val="c社(Fax-01) "/>
      <sheetName val="使用方法説明書"/>
      <sheetName val="業社検索"/>
      <sheetName val="宛名印刷"/>
      <sheetName val="業社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>
        <row r="2">
          <cell r="B2">
            <v>0</v>
          </cell>
          <cell r="C2" t="str">
            <v>833700</v>
          </cell>
          <cell r="D2" t="str">
            <v>アーチ</v>
          </cell>
        </row>
        <row r="3">
          <cell r="C3" t="str">
            <v>017300</v>
          </cell>
          <cell r="D3" t="str">
            <v>アーバン・エンジニアーズ㈱</v>
          </cell>
        </row>
        <row r="4">
          <cell r="C4" t="str">
            <v>808500</v>
          </cell>
          <cell r="D4" t="str">
            <v>アール建築企画</v>
          </cell>
        </row>
        <row r="5">
          <cell r="C5" t="str">
            <v>046500</v>
          </cell>
          <cell r="D5" t="str">
            <v>アイアン・フォト</v>
          </cell>
        </row>
        <row r="6">
          <cell r="C6" t="str">
            <v>011400</v>
          </cell>
          <cell r="D6" t="str">
            <v>アイ・エイチ・アイ・マリン　東京支店</v>
          </cell>
        </row>
        <row r="7">
          <cell r="C7" t="str">
            <v>057300</v>
          </cell>
          <cell r="D7" t="str">
            <v>ＩＮＧ商事㈱</v>
          </cell>
        </row>
        <row r="8">
          <cell r="C8" t="str">
            <v>032600</v>
          </cell>
          <cell r="D8" t="str">
            <v>ＩＭＶ㈱</v>
          </cell>
        </row>
        <row r="9">
          <cell r="C9" t="str">
            <v>813800</v>
          </cell>
          <cell r="D9" t="str">
            <v>相生電気㈱　群馬営業所</v>
          </cell>
        </row>
        <row r="10">
          <cell r="C10" t="str">
            <v>A07800</v>
          </cell>
          <cell r="D10" t="str">
            <v>アイオーデータ機器</v>
          </cell>
        </row>
        <row r="11">
          <cell r="C11" t="str">
            <v>018300</v>
          </cell>
          <cell r="D11" t="str">
            <v>愛研化工機</v>
          </cell>
        </row>
        <row r="153">
          <cell r="B153">
            <v>0</v>
          </cell>
          <cell r="C153" t="str">
            <v>796000</v>
          </cell>
          <cell r="D153" t="str">
            <v>イーアイエンジニアリング㈱</v>
          </cell>
        </row>
        <row r="154">
          <cell r="C154" t="str">
            <v>866300</v>
          </cell>
          <cell r="D154" t="str">
            <v>イーエス</v>
          </cell>
        </row>
        <row r="155">
          <cell r="C155" t="str">
            <v>815500</v>
          </cell>
          <cell r="D155" t="str">
            <v>イーエムピー</v>
          </cell>
        </row>
        <row r="156">
          <cell r="C156" t="str">
            <v>027700</v>
          </cell>
          <cell r="D156" t="str">
            <v>飯尾電機</v>
          </cell>
        </row>
        <row r="157">
          <cell r="C157" t="str">
            <v>024800</v>
          </cell>
          <cell r="D157" t="str">
            <v>飯田製作所</v>
          </cell>
        </row>
        <row r="158">
          <cell r="C158" t="str">
            <v>791200</v>
          </cell>
          <cell r="D158" t="str">
            <v>飯塚ゴム工業㈱</v>
          </cell>
        </row>
        <row r="159">
          <cell r="C159" t="str">
            <v>864300</v>
          </cell>
          <cell r="D159" t="str">
            <v>飯羽機工㈱</v>
          </cell>
        </row>
        <row r="160">
          <cell r="C160" t="str">
            <v>A15900</v>
          </cell>
          <cell r="D160" t="str">
            <v>飯山電機㈱</v>
          </cell>
        </row>
        <row r="161">
          <cell r="C161" t="str">
            <v>053800</v>
          </cell>
          <cell r="D161" t="str">
            <v>碇工業所</v>
          </cell>
        </row>
        <row r="270">
          <cell r="B270">
            <v>0</v>
          </cell>
          <cell r="C270" t="str">
            <v>842300</v>
          </cell>
          <cell r="D270" t="str">
            <v>㈱ウエイクフィールド</v>
          </cell>
        </row>
        <row r="271">
          <cell r="C271" t="str">
            <v>825600</v>
          </cell>
          <cell r="D271" t="str">
            <v>㈱植木組</v>
          </cell>
        </row>
        <row r="272">
          <cell r="C272" t="str">
            <v>042800</v>
          </cell>
          <cell r="D272" t="str">
            <v>ウエスターン・トレーディング㈱</v>
          </cell>
        </row>
        <row r="273">
          <cell r="C273" t="str">
            <v>041900</v>
          </cell>
          <cell r="D273" t="str">
            <v>㈱ウエダ産業</v>
          </cell>
        </row>
        <row r="274">
          <cell r="C274" t="str">
            <v>057900</v>
          </cell>
          <cell r="D274" t="str">
            <v>上田石灰製造㈱</v>
          </cell>
        </row>
        <row r="275">
          <cell r="C275" t="str">
            <v>793400</v>
          </cell>
          <cell r="D275" t="str">
            <v>㈱植田鉄工所</v>
          </cell>
        </row>
        <row r="276">
          <cell r="C276" t="str">
            <v>043200</v>
          </cell>
          <cell r="D276" t="str">
            <v>㈱植田電機</v>
          </cell>
        </row>
        <row r="277">
          <cell r="C277" t="str">
            <v>A17200</v>
          </cell>
          <cell r="D277" t="str">
            <v>植田歯車㈱</v>
          </cell>
        </row>
        <row r="305">
          <cell r="B305">
            <v>0</v>
          </cell>
          <cell r="C305" t="str">
            <v>841500</v>
          </cell>
          <cell r="D305" t="str">
            <v>エイ・エス・アイ㈱</v>
          </cell>
        </row>
        <row r="306">
          <cell r="C306" t="str">
            <v>066200</v>
          </cell>
          <cell r="D306" t="str">
            <v>エイエム計測㈱</v>
          </cell>
        </row>
        <row r="307">
          <cell r="C307" t="str">
            <v>885600</v>
          </cell>
          <cell r="D307" t="str">
            <v>㈱エイケンサービス</v>
          </cell>
        </row>
        <row r="308">
          <cell r="C308" t="str">
            <v>817400</v>
          </cell>
          <cell r="D308" t="str">
            <v>栄光技研㈲</v>
          </cell>
        </row>
        <row r="309">
          <cell r="C309" t="str">
            <v>A19500</v>
          </cell>
          <cell r="D309" t="str">
            <v>永幸計器㈱</v>
          </cell>
        </row>
        <row r="310">
          <cell r="C310" t="str">
            <v>856500</v>
          </cell>
          <cell r="D310" t="str">
            <v>㈱栄工社</v>
          </cell>
        </row>
        <row r="311">
          <cell r="C311" t="str">
            <v>795300</v>
          </cell>
          <cell r="D311" t="str">
            <v>㈱エイコープリント</v>
          </cell>
        </row>
        <row r="312">
          <cell r="C312" t="str">
            <v>801800</v>
          </cell>
          <cell r="D312" t="str">
            <v>栄水エンジニアリング㈱</v>
          </cell>
        </row>
        <row r="426">
          <cell r="B426">
            <v>0</v>
          </cell>
          <cell r="C426" t="str">
            <v>083400</v>
          </cell>
          <cell r="D426" t="str">
            <v>オイレス工業㈱</v>
          </cell>
        </row>
        <row r="540">
          <cell r="B540">
            <v>0</v>
          </cell>
          <cell r="C540" t="str">
            <v>111800</v>
          </cell>
          <cell r="D540" t="str">
            <v>ガイオ・テクノロジー㈱</v>
          </cell>
        </row>
        <row r="668">
          <cell r="B668">
            <v>0</v>
          </cell>
          <cell r="C668" t="str">
            <v>837300</v>
          </cell>
          <cell r="D668" t="str">
            <v>㈱キーエンス</v>
          </cell>
        </row>
        <row r="785">
          <cell r="B785">
            <v>0</v>
          </cell>
          <cell r="C785" t="str">
            <v>144400</v>
          </cell>
          <cell r="D785" t="str">
            <v>㈲空間デザイン研究所</v>
          </cell>
        </row>
        <row r="855">
          <cell r="B855">
            <v>0</v>
          </cell>
        </row>
        <row r="878">
          <cell r="B878">
            <v>0</v>
          </cell>
        </row>
        <row r="1020">
          <cell r="B1020">
            <v>0</v>
          </cell>
        </row>
        <row r="1192">
          <cell r="B1192">
            <v>0</v>
          </cell>
        </row>
        <row r="1374">
          <cell r="B1374">
            <v>0</v>
          </cell>
        </row>
        <row r="1443">
          <cell r="B1443">
            <v>0</v>
          </cell>
        </row>
        <row r="1496">
          <cell r="B1496">
            <v>0</v>
          </cell>
        </row>
        <row r="1513">
          <cell r="B1513">
            <v>0</v>
          </cell>
        </row>
        <row r="1732">
          <cell r="B1732">
            <v>0</v>
          </cell>
        </row>
        <row r="1783">
          <cell r="B1783">
            <v>0</v>
          </cell>
        </row>
        <row r="1816">
          <cell r="B1816">
            <v>0</v>
          </cell>
        </row>
        <row r="1869">
          <cell r="B1869">
            <v>0</v>
          </cell>
        </row>
        <row r="2112">
          <cell r="B2112">
            <v>0</v>
          </cell>
        </row>
        <row r="2185">
          <cell r="B2185">
            <v>0</v>
          </cell>
        </row>
        <row r="2477">
          <cell r="B2477">
            <v>0</v>
          </cell>
        </row>
        <row r="2479">
          <cell r="B2479">
            <v>0</v>
          </cell>
        </row>
        <row r="2485">
          <cell r="B2485">
            <v>0</v>
          </cell>
        </row>
        <row r="2494">
          <cell r="B2494">
            <v>0</v>
          </cell>
        </row>
        <row r="2553">
          <cell r="B2553">
            <v>0</v>
          </cell>
        </row>
        <row r="2617">
          <cell r="B2617">
            <v>0</v>
          </cell>
        </row>
        <row r="2753">
          <cell r="B2753">
            <v>0</v>
          </cell>
        </row>
        <row r="2772">
          <cell r="B2772">
            <v>0</v>
          </cell>
        </row>
        <row r="2827">
          <cell r="B2827">
            <v>0</v>
          </cell>
        </row>
        <row r="2931">
          <cell r="B2931">
            <v>0</v>
          </cell>
        </row>
        <row r="3027">
          <cell r="B3027">
            <v>0</v>
          </cell>
        </row>
        <row r="3048">
          <cell r="B3048">
            <v>0</v>
          </cell>
        </row>
        <row r="3076">
          <cell r="B3076">
            <v>0</v>
          </cell>
        </row>
        <row r="3100">
          <cell r="B3100">
            <v>0</v>
          </cell>
        </row>
        <row r="3172">
          <cell r="B3172">
            <v>0</v>
          </cell>
        </row>
        <row r="3197">
          <cell r="B3197">
            <v>0</v>
          </cell>
        </row>
        <row r="3247">
          <cell r="B3247">
            <v>0</v>
          </cell>
        </row>
        <row r="3258">
          <cell r="B3258">
            <v>0</v>
          </cell>
        </row>
        <row r="3280">
          <cell r="B3280">
            <v>0</v>
          </cell>
        </row>
        <row r="3286">
          <cell r="B3286">
            <v>0</v>
          </cell>
        </row>
        <row r="3294">
          <cell r="B3294">
            <v>0</v>
          </cell>
        </row>
      </sheetData>
    </sheetDataSet>
  </externalBook>
</externalLink>
</file>

<file path=xl/externalLinks/externalLink9.xml><?xml version="1.0" encoding="utf-8"?>
<externalLink xmlns="http://schemas.openxmlformats.org/spreadsheetml/2006/main">
  <externalBook xmlns:r="http://schemas.openxmlformats.org/officeDocument/2006/relationships" r:id="rId1">
    <sheetNames>
      <sheetName val="複合単価"/>
      <sheetName val="Sheet1"/>
    </sheetNames>
    <sheetDataSet>
      <sheetData sheetId="0"/>
      <sheetData sheetId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  <a:tileRect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  <a:tileRect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/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  <a:tileRect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  <a:tileRect/>
        </a:gradFill>
      </a:bgFillStyleLst>
    </a:fmtScheme>
  </a:themeElements>
  <a:objectDefaults/>
  <a:extraClrSchemeLst/>
</a:theme>
</file>

<file path=xl/worksheets/_rels/sheet1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1.bin" /></Relationships>
</file>

<file path=xl/worksheets/_rels/sheet2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2.bin" /><Relationship Id="rId2" Type="http://schemas.openxmlformats.org/officeDocument/2006/relationships/drawing" Target="../drawings/drawing1.xml" /></Relationships>
</file>

<file path=xl/worksheets/_rels/sheet3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3.bin" /><Relationship Id="rId2" Type="http://schemas.openxmlformats.org/officeDocument/2006/relationships/drawing" Target="../drawings/drawing2.xml" /></Relationships>
</file>

<file path=xl/worksheets/_rels/sheet4.xml.rels><?xml version="1.0" encoding="UTF-8"?><Relationships xmlns="http://schemas.openxmlformats.org/package/2006/relationships"><Relationship Id="rId1" Type="http://schemas.openxmlformats.org/officeDocument/2006/relationships/printerSettings" Target="../printerSettings/printerSettings4.bin" /><Relationship Id="rId2" Type="http://schemas.openxmlformats.org/officeDocument/2006/relationships/drawing" Target="../drawings/drawing3.xml" 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>
  <dimension ref="A1:IV49"/>
  <sheetViews>
    <sheetView tabSelected="1" zoomScaleSheetLayoutView="75" workbookViewId="0">
      <selection activeCell="D10" sqref="D10:J10"/>
    </sheetView>
  </sheetViews>
  <sheetFormatPr defaultColWidth="14.375" defaultRowHeight="31.5" customHeight="1"/>
  <cols>
    <col min="1" max="1" width="17.125" style="1" customWidth="1"/>
    <col min="2" max="2" width="14.875" style="1" customWidth="1"/>
    <col min="3" max="3" width="23.125" style="1" customWidth="1"/>
    <col min="4" max="4" width="16.375" style="1" customWidth="1"/>
    <col min="5" max="5" width="16.625" style="1" customWidth="1"/>
    <col min="6" max="10" width="8.875" style="1" customWidth="1"/>
    <col min="11" max="256" width="14.375" style="1" bestFit="1" customWidth="0"/>
  </cols>
  <sheetData>
    <row r="1" spans="1:10" ht="19.5" customHeight="1">
      <c r="A1" s="2" t="s">
        <v>384</v>
      </c>
      <c r="B1" s="9" t="s">
        <v>179</v>
      </c>
      <c r="C1" s="15" t="s">
        <v>170</v>
      </c>
      <c r="D1" s="21" t="s">
        <v>108</v>
      </c>
      <c r="E1" s="34"/>
    </row>
    <row r="2" spans="1:10" ht="18.75" customHeight="1">
      <c r="A2" s="2"/>
      <c r="B2" s="9"/>
      <c r="C2" s="15"/>
      <c r="D2" s="22"/>
      <c r="E2" s="35"/>
      <c r="F2" s="49" t="s">
        <v>375</v>
      </c>
      <c r="G2" s="49" t="s">
        <v>96</v>
      </c>
      <c r="H2" s="49" t="s">
        <v>381</v>
      </c>
      <c r="I2" s="49" t="s">
        <v>383</v>
      </c>
      <c r="J2" s="49" t="s">
        <v>219</v>
      </c>
    </row>
    <row r="3" spans="1:10" ht="33" customHeight="1">
      <c r="A3" s="3" t="s">
        <v>254</v>
      </c>
      <c r="B3" s="3"/>
      <c r="C3" s="3"/>
      <c r="D3" s="15" t="s">
        <v>98</v>
      </c>
      <c r="E3" s="36"/>
      <c r="F3" s="50"/>
      <c r="G3" s="50"/>
      <c r="H3" s="50"/>
      <c r="I3" s="50"/>
      <c r="J3" s="50"/>
    </row>
    <row r="4" spans="1:10" ht="12" customHeight="1">
      <c r="D4" s="15"/>
      <c r="E4" s="36"/>
      <c r="F4" s="45"/>
      <c r="G4" s="45"/>
      <c r="H4" s="45"/>
      <c r="I4" s="45"/>
      <c r="J4" s="45"/>
    </row>
    <row r="5" spans="1:10" ht="31.5" customHeight="1">
      <c r="A5" s="4" t="s">
        <v>373</v>
      </c>
      <c r="B5" s="10" t="s">
        <v>302</v>
      </c>
      <c r="C5" s="16" t="s">
        <v>374</v>
      </c>
      <c r="D5" s="10" t="s">
        <v>125</v>
      </c>
      <c r="E5" s="37"/>
      <c r="F5" s="37"/>
      <c r="G5" s="37"/>
      <c r="H5" s="37"/>
      <c r="I5" s="37"/>
      <c r="J5" s="53"/>
    </row>
    <row r="6" spans="1:10" ht="31.5" customHeight="1">
      <c r="A6" s="5" t="s">
        <v>347</v>
      </c>
      <c r="B6" s="11"/>
      <c r="C6" s="17"/>
      <c r="D6" s="23" t="s">
        <v>116</v>
      </c>
      <c r="E6" s="38"/>
      <c r="F6" s="38"/>
      <c r="G6" s="38"/>
      <c r="H6" s="38"/>
      <c r="I6" s="38"/>
      <c r="J6" s="54"/>
    </row>
    <row r="7" spans="1:10" ht="31.5" customHeight="1">
      <c r="A7" s="6" t="s">
        <v>104</v>
      </c>
      <c r="B7" s="12"/>
      <c r="C7" s="12"/>
      <c r="D7" s="24"/>
      <c r="E7" s="39"/>
      <c r="F7" s="39"/>
      <c r="G7" s="39"/>
      <c r="H7" s="39"/>
      <c r="I7" s="39"/>
      <c r="J7" s="55"/>
    </row>
    <row r="8" spans="1:10" ht="31.5" customHeight="1">
      <c r="A8" s="6"/>
      <c r="B8" s="12"/>
      <c r="C8" s="12"/>
      <c r="D8" s="24"/>
      <c r="E8" s="39"/>
      <c r="F8" s="39"/>
      <c r="G8" s="39"/>
      <c r="H8" s="39"/>
      <c r="I8" s="39"/>
      <c r="J8" s="55"/>
    </row>
    <row r="9" spans="1:10" ht="31.5" customHeight="1">
      <c r="A9" s="6"/>
      <c r="B9" s="12"/>
      <c r="C9" s="12"/>
      <c r="D9" s="25" t="s">
        <v>294</v>
      </c>
      <c r="E9" s="40"/>
      <c r="F9" s="40"/>
      <c r="G9" s="40"/>
      <c r="H9" s="40"/>
      <c r="I9" s="40"/>
      <c r="J9" s="56"/>
    </row>
    <row r="10" spans="1:10" ht="18" customHeight="1">
      <c r="A10" s="6"/>
      <c r="B10" s="12"/>
      <c r="C10" s="12"/>
      <c r="D10" s="26" t="s">
        <v>344</v>
      </c>
      <c r="E10" s="41"/>
      <c r="F10" s="41"/>
      <c r="G10" s="41"/>
      <c r="H10" s="41"/>
      <c r="I10" s="41"/>
      <c r="J10" s="57"/>
    </row>
    <row r="11" spans="1:10" ht="18" customHeight="1">
      <c r="A11" s="6"/>
      <c r="B11" s="12"/>
      <c r="C11" s="12"/>
      <c r="D11" s="27" t="s">
        <v>78</v>
      </c>
      <c r="E11" s="42"/>
      <c r="F11" s="42"/>
      <c r="G11" s="42"/>
      <c r="H11" s="42"/>
      <c r="I11" s="42"/>
      <c r="J11" s="58"/>
    </row>
    <row r="12" spans="1:10" ht="18" customHeight="1">
      <c r="A12" s="6"/>
      <c r="B12" s="12"/>
      <c r="C12" s="12"/>
      <c r="D12" s="27"/>
      <c r="E12" s="42"/>
      <c r="F12" s="42"/>
      <c r="G12" s="42"/>
      <c r="H12" s="42"/>
      <c r="I12" s="42"/>
      <c r="J12" s="58"/>
    </row>
    <row r="13" spans="1:10" ht="18" customHeight="1">
      <c r="A13" s="6"/>
      <c r="B13" s="12"/>
      <c r="C13" s="12"/>
      <c r="D13" s="28"/>
      <c r="E13" s="43"/>
      <c r="F13" s="43"/>
      <c r="G13" s="43"/>
      <c r="H13" s="43"/>
      <c r="I13" s="43"/>
      <c r="J13" s="59"/>
    </row>
    <row r="14" spans="1:10" ht="31.5" customHeight="1">
      <c r="A14" s="6"/>
      <c r="B14" s="12"/>
      <c r="C14" s="12"/>
      <c r="D14" s="29" t="s">
        <v>261</v>
      </c>
      <c r="E14" s="44" t="s">
        <v>367</v>
      </c>
      <c r="F14" s="51"/>
      <c r="G14" s="51"/>
      <c r="H14" s="51"/>
      <c r="I14" s="51"/>
      <c r="J14" s="60"/>
    </row>
    <row r="15" spans="1:10" ht="31.5" customHeight="1">
      <c r="A15" s="6"/>
      <c r="B15" s="12"/>
      <c r="C15" s="12"/>
      <c r="D15" s="30" t="s">
        <v>376</v>
      </c>
      <c r="E15" s="45" t="s">
        <v>164</v>
      </c>
      <c r="F15" s="45"/>
      <c r="G15" s="45"/>
      <c r="H15" s="45"/>
      <c r="I15" s="45"/>
      <c r="J15" s="61"/>
    </row>
    <row r="16" spans="1:10" ht="39" customHeight="1">
      <c r="A16" s="6"/>
      <c r="B16" s="12"/>
      <c r="C16" s="12"/>
      <c r="D16" s="31" t="s">
        <v>377</v>
      </c>
      <c r="E16" s="46" t="s">
        <v>35</v>
      </c>
      <c r="F16" s="52"/>
      <c r="G16" s="37" t="s">
        <v>380</v>
      </c>
      <c r="H16" s="52" t="s">
        <v>382</v>
      </c>
      <c r="I16" s="52"/>
      <c r="J16" s="62"/>
    </row>
    <row r="17" spans="1:10" ht="39" customHeight="1">
      <c r="A17" s="7" t="s">
        <v>371</v>
      </c>
      <c r="B17" s="13"/>
      <c r="C17" s="18"/>
      <c r="D17" s="32" t="s">
        <v>378</v>
      </c>
      <c r="E17" s="47" t="s">
        <v>298</v>
      </c>
      <c r="F17" s="47"/>
      <c r="G17" s="47"/>
      <c r="H17" s="47"/>
      <c r="I17" s="47"/>
      <c r="J17" s="63"/>
    </row>
    <row r="18" spans="1:10" ht="39" customHeight="1">
      <c r="A18" s="8" t="s">
        <v>385</v>
      </c>
      <c r="B18" s="14"/>
      <c r="C18" s="19"/>
      <c r="D18" s="33" t="s">
        <v>379</v>
      </c>
      <c r="E18" s="48" t="s">
        <v>159</v>
      </c>
      <c r="F18" s="48"/>
      <c r="G18" s="48"/>
      <c r="H18" s="48"/>
      <c r="I18" s="48"/>
      <c r="J18" s="64"/>
    </row>
    <row r="48" spans="3:3" ht="31.5" customHeight="1">
      <c r="C48" s="20"/>
    </row>
    <row r="49" spans="3:3" ht="31.5" customHeight="1">
      <c r="C49" s="20"/>
    </row>
  </sheetData>
  <mergeCells count="29">
    <mergeCell ref="A3:C3"/>
    <mergeCell ref="D3:E3"/>
    <mergeCell ref="A6:C6"/>
    <mergeCell ref="D6:J6"/>
    <mergeCell ref="D7:J7"/>
    <mergeCell ref="D8:J8"/>
    <mergeCell ref="D9:J9"/>
    <mergeCell ref="D10:J10"/>
    <mergeCell ref="D11:J11"/>
    <mergeCell ref="D12:J12"/>
    <mergeCell ref="D13:J13"/>
    <mergeCell ref="E14:J14"/>
    <mergeCell ref="E15:J15"/>
    <mergeCell ref="E16:F16"/>
    <mergeCell ref="H16:J16"/>
    <mergeCell ref="A17:C17"/>
    <mergeCell ref="E17:J17"/>
    <mergeCell ref="A18:C18"/>
    <mergeCell ref="E18:J18"/>
    <mergeCell ref="A1:A2"/>
    <mergeCell ref="B1:B2"/>
    <mergeCell ref="C1:C2"/>
    <mergeCell ref="D1:E2"/>
    <mergeCell ref="F3:F4"/>
    <mergeCell ref="G3:G4"/>
    <mergeCell ref="H3:H4"/>
    <mergeCell ref="I3:I4"/>
    <mergeCell ref="J3:J4"/>
    <mergeCell ref="A7:C16"/>
  </mergeCells>
  <phoneticPr fontId="30"/>
  <pageMargins left="0.59055118110236227" right="0.59055118110236227" top="0.98425196850393681" bottom="0.78740157480314965" header="0.51181102362204722" footer="0.51181102362204722"/>
  <pageSetup paperSize="9" fitToWidth="1" fitToHeight="1" orientation="landscape" usePrinterDefaults="1" horizont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theme="0" tint="-5.e-002"/>
    <pageSetUpPr autoPageBreaks="0"/>
  </sheetPr>
  <dimension ref="A1:N32"/>
  <sheetViews>
    <sheetView view="pageBreakPreview" zoomScale="90" zoomScaleNormal="75" zoomScaleSheetLayoutView="90" workbookViewId="0">
      <selection activeCell="F23" sqref="F23"/>
    </sheetView>
  </sheetViews>
  <sheetFormatPr defaultColWidth="10" defaultRowHeight="31.5" customHeight="1"/>
  <cols>
    <col min="1" max="2" width="23.625" style="65" customWidth="1"/>
    <col min="3" max="3" width="11.25" style="66" customWidth="1"/>
    <col min="4" max="4" width="8.25" style="67" customWidth="1"/>
    <col min="5" max="5" width="12.375" style="65" customWidth="1"/>
    <col min="6" max="6" width="25.375" style="68" customWidth="1"/>
    <col min="7" max="7" width="14.625" style="68" customWidth="1"/>
    <col min="8" max="8" width="11.5" style="65" customWidth="1"/>
    <col min="9" max="9" width="12.75" style="65" customWidth="1"/>
    <col min="10" max="10" width="12.75" style="69" customWidth="1"/>
    <col min="11" max="16384" width="10" style="65"/>
  </cols>
  <sheetData>
    <row r="1" spans="1:10" s="65" customFormat="1" ht="21" customHeight="1">
      <c r="C1" s="66"/>
      <c r="D1" s="67"/>
      <c r="E1" s="67"/>
      <c r="F1" s="68"/>
      <c r="G1" s="68"/>
      <c r="J1" s="69"/>
    </row>
    <row r="2" spans="1:10" s="65" customFormat="1" ht="25.5" customHeight="1">
      <c r="A2" s="71" t="s">
        <v>366</v>
      </c>
      <c r="B2" s="77"/>
      <c r="C2" s="82"/>
      <c r="D2" s="87"/>
      <c r="E2" s="77"/>
      <c r="F2" s="97"/>
      <c r="G2" s="101"/>
      <c r="H2" s="113"/>
      <c r="J2" s="69"/>
    </row>
    <row r="3" spans="1:10" s="67" customFormat="1" ht="24" customHeight="1">
      <c r="A3" s="72" t="s">
        <v>29</v>
      </c>
      <c r="B3" s="78" t="s">
        <v>33</v>
      </c>
      <c r="C3" s="83" t="s">
        <v>20</v>
      </c>
      <c r="D3" s="88" t="s">
        <v>26</v>
      </c>
      <c r="E3" s="88" t="s">
        <v>30</v>
      </c>
      <c r="F3" s="98" t="s">
        <v>11</v>
      </c>
      <c r="G3" s="72" t="s">
        <v>23</v>
      </c>
      <c r="H3" s="114"/>
      <c r="J3" s="69"/>
    </row>
    <row r="4" spans="1:10" s="65" customFormat="1" ht="16.149999999999999" customHeight="1">
      <c r="A4" s="73" t="s">
        <v>105</v>
      </c>
      <c r="B4" s="73"/>
      <c r="C4" s="84"/>
      <c r="D4" s="89"/>
      <c r="E4" s="92"/>
      <c r="F4" s="96"/>
      <c r="G4" s="102"/>
      <c r="H4" s="115"/>
      <c r="J4" s="67"/>
    </row>
    <row r="5" spans="1:10" s="65" customFormat="1" ht="16.149999999999999" customHeight="1">
      <c r="A5" s="74"/>
      <c r="B5" s="74"/>
      <c r="C5" s="85">
        <v>1</v>
      </c>
      <c r="D5" s="90" t="s">
        <v>40</v>
      </c>
      <c r="E5" s="93"/>
      <c r="F5" s="99"/>
      <c r="G5" s="103"/>
      <c r="H5" s="116"/>
      <c r="J5" s="67"/>
    </row>
    <row r="6" spans="1:10" s="65" customFormat="1" ht="16.149999999999999" customHeight="1">
      <c r="A6" s="75"/>
      <c r="B6" s="76"/>
      <c r="C6" s="84"/>
      <c r="D6" s="89"/>
      <c r="E6" s="94"/>
      <c r="F6" s="100"/>
      <c r="G6" s="104"/>
      <c r="H6" s="117"/>
      <c r="J6" s="67"/>
    </row>
    <row r="7" spans="1:10" s="65" customFormat="1" ht="16.149999999999999" customHeight="1">
      <c r="A7" s="74"/>
      <c r="B7" s="76"/>
      <c r="C7" s="85"/>
      <c r="D7" s="90"/>
      <c r="E7" s="93"/>
      <c r="F7" s="100"/>
      <c r="G7" s="104"/>
      <c r="H7" s="116"/>
      <c r="J7" s="67"/>
    </row>
    <row r="8" spans="1:10" s="65" customFormat="1" ht="16.149999999999999" customHeight="1">
      <c r="A8" s="75"/>
      <c r="B8" s="73"/>
      <c r="C8" s="86"/>
      <c r="D8" s="91"/>
      <c r="E8" s="95"/>
      <c r="F8" s="96"/>
      <c r="G8" s="105"/>
      <c r="H8" s="118"/>
      <c r="J8" s="67"/>
    </row>
    <row r="9" spans="1:10" s="65" customFormat="1" ht="16.149999999999999" customHeight="1">
      <c r="A9" s="74"/>
      <c r="B9" s="74"/>
      <c r="C9" s="85"/>
      <c r="D9" s="90"/>
      <c r="E9" s="93"/>
      <c r="F9" s="99"/>
      <c r="G9" s="106"/>
      <c r="H9" s="119"/>
      <c r="J9" s="126"/>
    </row>
    <row r="10" spans="1:10" s="65" customFormat="1" ht="16.149999999999999" customHeight="1">
      <c r="A10" s="73" t="s">
        <v>45</v>
      </c>
      <c r="B10" s="73"/>
      <c r="C10" s="84"/>
      <c r="D10" s="89"/>
      <c r="E10" s="92"/>
      <c r="F10" s="96"/>
      <c r="G10" s="105"/>
      <c r="H10" s="115"/>
      <c r="I10" s="42"/>
      <c r="J10" s="42"/>
    </row>
    <row r="11" spans="1:10" s="65" customFormat="1" ht="16.149999999999999" customHeight="1">
      <c r="A11" s="74"/>
      <c r="B11" s="74"/>
      <c r="C11" s="85">
        <v>1</v>
      </c>
      <c r="D11" s="90" t="s">
        <v>40</v>
      </c>
      <c r="E11" s="93"/>
      <c r="F11" s="99"/>
      <c r="G11" s="103"/>
      <c r="H11" s="116"/>
      <c r="I11" s="42"/>
      <c r="J11" s="42"/>
    </row>
    <row r="12" spans="1:10" s="65" customFormat="1" ht="15.6" customHeight="1">
      <c r="A12" s="73" t="s">
        <v>6</v>
      </c>
      <c r="B12" s="73"/>
      <c r="C12" s="84"/>
      <c r="D12" s="89"/>
      <c r="E12" s="89"/>
      <c r="F12" s="96"/>
      <c r="G12" s="105"/>
      <c r="H12" s="120"/>
      <c r="J12" s="126"/>
    </row>
    <row r="13" spans="1:10" s="65" customFormat="1" ht="16.149999999999999" customHeight="1">
      <c r="A13" s="74"/>
      <c r="B13" s="74"/>
      <c r="C13" s="85">
        <v>1</v>
      </c>
      <c r="D13" s="90" t="s">
        <v>40</v>
      </c>
      <c r="E13" s="90"/>
      <c r="F13" s="99"/>
      <c r="G13" s="106"/>
      <c r="H13" s="119"/>
      <c r="J13" s="67"/>
    </row>
    <row r="14" spans="1:10" s="65" customFormat="1" ht="16.149999999999999" customHeight="1">
      <c r="A14" s="73" t="s">
        <v>82</v>
      </c>
      <c r="B14" s="73"/>
      <c r="C14" s="84"/>
      <c r="D14" s="89"/>
      <c r="E14" s="89"/>
      <c r="F14" s="96"/>
      <c r="G14" s="105"/>
      <c r="H14" s="120"/>
      <c r="J14" s="67"/>
    </row>
    <row r="15" spans="1:10" s="65" customFormat="1" ht="16.149999999999999" customHeight="1">
      <c r="A15" s="74"/>
      <c r="B15" s="74"/>
      <c r="C15" s="85">
        <v>1</v>
      </c>
      <c r="D15" s="90" t="s">
        <v>40</v>
      </c>
      <c r="E15" s="90"/>
      <c r="F15" s="99"/>
      <c r="G15" s="106"/>
      <c r="H15" s="119"/>
      <c r="J15" s="67"/>
    </row>
    <row r="16" spans="1:10" s="65" customFormat="1" ht="16.149999999999999" customHeight="1">
      <c r="A16" s="73" t="s">
        <v>106</v>
      </c>
      <c r="B16" s="73"/>
      <c r="C16" s="84"/>
      <c r="D16" s="89"/>
      <c r="E16" s="96"/>
      <c r="F16" s="96"/>
      <c r="G16" s="105"/>
      <c r="H16" s="120"/>
      <c r="J16" s="67"/>
    </row>
    <row r="17" spans="1:14" s="65" customFormat="1" ht="16.149999999999999" customHeight="1">
      <c r="A17" s="74"/>
      <c r="B17" s="74"/>
      <c r="C17" s="85">
        <v>1</v>
      </c>
      <c r="D17" s="90" t="s">
        <v>40</v>
      </c>
      <c r="E17" s="90"/>
      <c r="F17" s="99"/>
      <c r="G17" s="106"/>
      <c r="H17" s="119"/>
      <c r="J17" s="67"/>
    </row>
    <row r="18" spans="1:14" s="65" customFormat="1" ht="16.149999999999999" customHeight="1">
      <c r="A18" s="73" t="s">
        <v>51</v>
      </c>
      <c r="B18" s="73"/>
      <c r="C18" s="84"/>
      <c r="D18" s="89"/>
      <c r="E18" s="96"/>
      <c r="F18" s="96"/>
      <c r="G18" s="105"/>
      <c r="H18" s="120"/>
      <c r="J18" s="67"/>
    </row>
    <row r="19" spans="1:14" s="65" customFormat="1" ht="16.149999999999999" customHeight="1">
      <c r="A19" s="74"/>
      <c r="B19" s="74"/>
      <c r="C19" s="85">
        <v>1</v>
      </c>
      <c r="D19" s="90" t="s">
        <v>40</v>
      </c>
      <c r="E19" s="90"/>
      <c r="F19" s="99"/>
      <c r="G19" s="107"/>
      <c r="H19" s="119"/>
      <c r="J19" s="67"/>
    </row>
    <row r="20" spans="1:14" s="65" customFormat="1" ht="16.149999999999999" customHeight="1">
      <c r="A20" s="75" t="s">
        <v>42</v>
      </c>
      <c r="B20" s="73"/>
      <c r="C20" s="86"/>
      <c r="D20" s="91"/>
      <c r="E20" s="89"/>
      <c r="F20" s="100"/>
      <c r="G20" s="108"/>
      <c r="H20" s="118"/>
      <c r="J20" s="67"/>
    </row>
    <row r="21" spans="1:14" s="65" customFormat="1" ht="16.149999999999999" customHeight="1">
      <c r="A21" s="74"/>
      <c r="B21" s="74"/>
      <c r="C21" s="85"/>
      <c r="D21" s="90"/>
      <c r="E21" s="90"/>
      <c r="F21" s="99"/>
      <c r="G21" s="107"/>
      <c r="H21" s="119"/>
      <c r="J21" s="67"/>
    </row>
    <row r="22" spans="1:14" s="65" customFormat="1" ht="16.149999999999999" customHeight="1">
      <c r="A22" s="73" t="s">
        <v>52</v>
      </c>
      <c r="B22" s="73"/>
      <c r="C22" s="84"/>
      <c r="D22" s="89"/>
      <c r="E22" s="91"/>
      <c r="F22" s="100"/>
      <c r="G22" s="109"/>
      <c r="H22" s="118"/>
      <c r="J22" s="67"/>
    </row>
    <row r="23" spans="1:14" s="65" customFormat="1" ht="16.149999999999999" customHeight="1">
      <c r="A23" s="74"/>
      <c r="B23" s="74"/>
      <c r="C23" s="85"/>
      <c r="D23" s="90"/>
      <c r="E23" s="90"/>
      <c r="F23" s="100"/>
      <c r="G23" s="109"/>
      <c r="H23" s="118"/>
      <c r="J23" s="67"/>
    </row>
    <row r="24" spans="1:14" s="70" customFormat="1" ht="16.149999999999999" customHeight="1">
      <c r="A24" s="76" t="s">
        <v>15</v>
      </c>
      <c r="B24" s="79">
        <v>0.1</v>
      </c>
      <c r="C24" s="86"/>
      <c r="D24" s="91"/>
      <c r="E24" s="91"/>
      <c r="F24" s="96"/>
      <c r="G24" s="110"/>
      <c r="H24" s="121"/>
      <c r="I24" s="65"/>
      <c r="J24" s="67"/>
      <c r="K24" s="127"/>
      <c r="L24" s="127"/>
      <c r="M24" s="127"/>
      <c r="N24" s="127"/>
    </row>
    <row r="25" spans="1:14" s="70" customFormat="1" ht="16.149999999999999" customHeight="1">
      <c r="A25" s="76"/>
      <c r="B25" s="76"/>
      <c r="C25" s="86"/>
      <c r="D25" s="91"/>
      <c r="E25" s="91"/>
      <c r="F25" s="99"/>
      <c r="G25" s="111"/>
      <c r="H25" s="122"/>
      <c r="I25" s="65"/>
      <c r="J25" s="67"/>
      <c r="K25" s="127"/>
      <c r="L25" s="127"/>
      <c r="M25" s="127"/>
      <c r="N25" s="127"/>
    </row>
    <row r="26" spans="1:14" s="70" customFormat="1" ht="16.149999999999999" customHeight="1">
      <c r="A26" s="73" t="s">
        <v>81</v>
      </c>
      <c r="B26" s="73"/>
      <c r="C26" s="84"/>
      <c r="D26" s="89"/>
      <c r="E26" s="96"/>
      <c r="F26" s="96"/>
      <c r="G26" s="110"/>
      <c r="H26" s="121"/>
      <c r="I26" s="65"/>
      <c r="J26" s="67"/>
      <c r="K26" s="127"/>
      <c r="L26" s="127"/>
      <c r="M26" s="127"/>
      <c r="N26" s="127"/>
    </row>
    <row r="27" spans="1:14" s="70" customFormat="1" ht="16.149999999999999" customHeight="1">
      <c r="A27" s="74"/>
      <c r="B27" s="74"/>
      <c r="C27" s="85"/>
      <c r="D27" s="90"/>
      <c r="E27" s="90"/>
      <c r="F27" s="99"/>
      <c r="G27" s="111"/>
      <c r="H27" s="122"/>
      <c r="I27" s="65"/>
      <c r="J27" s="67"/>
      <c r="K27" s="127"/>
      <c r="L27" s="127"/>
      <c r="M27" s="127"/>
      <c r="N27" s="127"/>
    </row>
    <row r="28" spans="1:14" s="70" customFormat="1" ht="16.149999999999999" customHeight="1">
      <c r="A28" s="73"/>
      <c r="B28" s="73"/>
      <c r="C28" s="84"/>
      <c r="D28" s="89"/>
      <c r="E28" s="80"/>
      <c r="F28" s="96"/>
      <c r="G28" s="110"/>
      <c r="H28" s="123"/>
      <c r="I28" s="65"/>
      <c r="J28" s="67"/>
      <c r="K28" s="127"/>
      <c r="L28" s="127"/>
      <c r="M28" s="127"/>
      <c r="N28" s="127"/>
    </row>
    <row r="29" spans="1:14" s="70" customFormat="1" ht="16.149999999999999" customHeight="1">
      <c r="A29" s="74"/>
      <c r="B29" s="74"/>
      <c r="C29" s="85"/>
      <c r="D29" s="90"/>
      <c r="E29" s="90"/>
      <c r="F29" s="99"/>
      <c r="G29" s="106"/>
      <c r="H29" s="123"/>
      <c r="I29" s="65"/>
      <c r="J29" s="67"/>
      <c r="K29" s="127"/>
      <c r="L29" s="127"/>
      <c r="M29" s="127"/>
      <c r="N29" s="127"/>
    </row>
    <row r="30" spans="1:14" s="70" customFormat="1" ht="16.149999999999999" customHeight="1">
      <c r="A30" s="75"/>
      <c r="B30" s="80"/>
      <c r="C30" s="84"/>
      <c r="D30" s="89"/>
      <c r="E30" s="80"/>
      <c r="F30" s="96"/>
      <c r="G30" s="112"/>
      <c r="H30" s="124"/>
      <c r="I30" s="65"/>
      <c r="J30" s="67"/>
      <c r="K30" s="127"/>
      <c r="L30" s="127"/>
      <c r="M30" s="127"/>
      <c r="N30" s="127"/>
    </row>
    <row r="31" spans="1:14" s="70" customFormat="1" ht="16.149999999999999" customHeight="1">
      <c r="A31" s="74"/>
      <c r="B31" s="81"/>
      <c r="C31" s="85"/>
      <c r="D31" s="90"/>
      <c r="E31" s="90"/>
      <c r="F31" s="99"/>
      <c r="G31" s="106"/>
      <c r="H31" s="125"/>
      <c r="I31" s="65"/>
      <c r="J31" s="67"/>
      <c r="K31" s="127"/>
      <c r="L31" s="127"/>
      <c r="M31" s="127"/>
      <c r="N31" s="127"/>
    </row>
    <row r="32" spans="1:14" s="65" customFormat="1" ht="31.5" customHeight="1">
      <c r="C32" s="66"/>
      <c r="D32" s="67"/>
      <c r="F32" s="68"/>
      <c r="G32" s="68"/>
      <c r="J32" s="69"/>
    </row>
  </sheetData>
  <mergeCells count="1">
    <mergeCell ref="G3:H3"/>
  </mergeCells>
  <phoneticPr fontId="30"/>
  <pageMargins left="0.90551181102362222" right="0.70866141732283472" top="0.74803149606299213" bottom="0.74803149606299213" header="0.31496062992125984" footer="0.31496062992125984"/>
  <pageSetup paperSize="9" scale="95" fitToWidth="1" fitToHeight="1" orientation="landscape" usePrinterDefaults="1" horizontalDpi="300" verticalDpi="300" r:id="rId1"/>
  <headerFooter alignWithMargins="0"/>
  <colBreaks count="2" manualBreakCount="2">
    <brk id="8" max="1048575" man="1"/>
    <brk id="18" max="1048575" man="1"/>
  </col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theme="0" tint="-5.e-002"/>
    <pageSetUpPr autoPageBreaks="0"/>
  </sheetPr>
  <dimension ref="A1:N33"/>
  <sheetViews>
    <sheetView view="pageBreakPreview" zoomScaleNormal="80" zoomScaleSheetLayoutView="100" workbookViewId="0">
      <selection activeCell="G21" sqref="G21"/>
    </sheetView>
  </sheetViews>
  <sheetFormatPr defaultColWidth="10" defaultRowHeight="31.5" customHeight="1"/>
  <cols>
    <col min="1" max="2" width="23.625" style="65" customWidth="1"/>
    <col min="3" max="3" width="11.25" style="66" customWidth="1"/>
    <col min="4" max="4" width="8.25" style="67" customWidth="1"/>
    <col min="5" max="5" width="12.375" style="65" customWidth="1"/>
    <col min="6" max="6" width="26.875" style="68" customWidth="1"/>
    <col min="7" max="7" width="12.625" style="68" customWidth="1"/>
    <col min="8" max="8" width="12.625" style="65" customWidth="1"/>
    <col min="9" max="9" width="18.625" style="65" customWidth="1"/>
    <col min="10" max="10" width="18" style="69" customWidth="1"/>
    <col min="11" max="16384" width="10" style="65"/>
  </cols>
  <sheetData>
    <row r="1" spans="1:10" ht="21" customHeight="1">
      <c r="A1" s="65" t="s">
        <v>60</v>
      </c>
      <c r="E1" s="67"/>
    </row>
    <row r="2" spans="1:10" ht="25.5" customHeight="1">
      <c r="A2" s="71" t="s">
        <v>366</v>
      </c>
      <c r="B2" s="77"/>
      <c r="C2" s="82"/>
      <c r="D2" s="87"/>
      <c r="E2" s="77"/>
      <c r="F2" s="97"/>
      <c r="G2" s="101"/>
      <c r="H2" s="113"/>
    </row>
    <row r="3" spans="1:10" s="67" customFormat="1" ht="22.5" customHeight="1">
      <c r="A3" s="72" t="s">
        <v>80</v>
      </c>
      <c r="B3" s="78" t="s">
        <v>33</v>
      </c>
      <c r="C3" s="83" t="s">
        <v>20</v>
      </c>
      <c r="D3" s="88" t="s">
        <v>26</v>
      </c>
      <c r="E3" s="88" t="s">
        <v>30</v>
      </c>
      <c r="F3" s="98" t="s">
        <v>11</v>
      </c>
      <c r="G3" s="72" t="s">
        <v>23</v>
      </c>
      <c r="H3" s="114"/>
      <c r="J3" s="69"/>
    </row>
    <row r="4" spans="1:10" ht="15" customHeight="1">
      <c r="A4" s="73"/>
      <c r="B4" s="73"/>
      <c r="C4" s="84"/>
      <c r="D4" s="89"/>
      <c r="E4" s="92"/>
      <c r="F4" s="96"/>
      <c r="G4" s="105"/>
      <c r="H4" s="120"/>
      <c r="J4" s="67"/>
    </row>
    <row r="5" spans="1:10" ht="15" customHeight="1">
      <c r="A5" s="74" t="s">
        <v>66</v>
      </c>
      <c r="B5" s="74"/>
      <c r="C5" s="85">
        <v>1</v>
      </c>
      <c r="D5" s="90" t="s">
        <v>40</v>
      </c>
      <c r="E5" s="93"/>
      <c r="F5" s="99"/>
      <c r="G5" s="107"/>
      <c r="H5" s="119"/>
      <c r="J5" s="67"/>
    </row>
    <row r="6" spans="1:10" ht="15" customHeight="1">
      <c r="A6" s="73"/>
      <c r="B6" s="73"/>
      <c r="C6" s="84"/>
      <c r="D6" s="89"/>
      <c r="E6" s="92"/>
      <c r="F6" s="96"/>
      <c r="G6" s="108"/>
      <c r="H6" s="118"/>
      <c r="J6" s="67"/>
    </row>
    <row r="7" spans="1:10" ht="15" customHeight="1">
      <c r="A7" s="74" t="s">
        <v>7</v>
      </c>
      <c r="B7" s="74"/>
      <c r="C7" s="85">
        <v>1</v>
      </c>
      <c r="D7" s="90" t="s">
        <v>40</v>
      </c>
      <c r="E7" s="93"/>
      <c r="F7" s="99"/>
      <c r="G7" s="106"/>
      <c r="H7" s="119"/>
      <c r="J7" s="67"/>
    </row>
    <row r="8" spans="1:10" ht="15" customHeight="1">
      <c r="A8" s="73"/>
      <c r="B8" s="73"/>
      <c r="C8" s="84"/>
      <c r="D8" s="89"/>
      <c r="E8" s="92"/>
      <c r="F8" s="96"/>
      <c r="G8" s="105"/>
      <c r="H8" s="118"/>
      <c r="J8" s="67"/>
    </row>
    <row r="9" spans="1:10" ht="15" customHeight="1">
      <c r="A9" s="74" t="s">
        <v>109</v>
      </c>
      <c r="B9" s="74"/>
      <c r="C9" s="85">
        <v>1</v>
      </c>
      <c r="D9" s="90" t="s">
        <v>40</v>
      </c>
      <c r="E9" s="93"/>
      <c r="F9" s="99"/>
      <c r="G9" s="107"/>
      <c r="H9" s="119"/>
      <c r="J9" s="67"/>
    </row>
    <row r="10" spans="1:10" ht="15" customHeight="1">
      <c r="A10" s="128"/>
      <c r="B10" s="73"/>
      <c r="C10" s="84"/>
      <c r="D10" s="89"/>
      <c r="E10" s="92"/>
      <c r="F10" s="96"/>
      <c r="G10" s="105"/>
      <c r="H10" s="118"/>
      <c r="J10" s="67"/>
    </row>
    <row r="11" spans="1:10" ht="15" customHeight="1">
      <c r="A11" s="74" t="s">
        <v>86</v>
      </c>
      <c r="B11" s="74"/>
      <c r="C11" s="85">
        <v>1</v>
      </c>
      <c r="D11" s="90" t="s">
        <v>40</v>
      </c>
      <c r="E11" s="93"/>
      <c r="F11" s="99"/>
      <c r="G11" s="107"/>
      <c r="H11" s="118"/>
      <c r="J11" s="67"/>
    </row>
    <row r="12" spans="1:10" ht="15" customHeight="1">
      <c r="A12" s="73"/>
      <c r="B12" s="73"/>
      <c r="C12" s="84"/>
      <c r="D12" s="89"/>
      <c r="E12" s="89"/>
      <c r="F12" s="96"/>
      <c r="G12" s="105"/>
      <c r="H12" s="120"/>
      <c r="J12" s="67"/>
    </row>
    <row r="13" spans="1:10" ht="15" customHeight="1">
      <c r="A13" s="74" t="s">
        <v>195</v>
      </c>
      <c r="B13" s="74"/>
      <c r="C13" s="85">
        <v>1</v>
      </c>
      <c r="D13" s="90" t="s">
        <v>40</v>
      </c>
      <c r="E13" s="90"/>
      <c r="F13" s="99"/>
      <c r="G13" s="106"/>
      <c r="H13" s="119"/>
      <c r="J13" s="67"/>
    </row>
    <row r="14" spans="1:10" ht="15" customHeight="1">
      <c r="A14" s="73"/>
      <c r="B14" s="73"/>
      <c r="C14" s="84"/>
      <c r="D14" s="89"/>
      <c r="E14" s="96"/>
      <c r="F14" s="96"/>
      <c r="G14" s="105"/>
      <c r="H14" s="120"/>
      <c r="J14" s="67"/>
    </row>
    <row r="15" spans="1:10" ht="15" customHeight="1">
      <c r="A15" s="74" t="s">
        <v>110</v>
      </c>
      <c r="B15" s="74"/>
      <c r="C15" s="85">
        <v>1</v>
      </c>
      <c r="D15" s="90" t="s">
        <v>40</v>
      </c>
      <c r="E15" s="90"/>
      <c r="F15" s="99"/>
      <c r="G15" s="106"/>
      <c r="H15" s="119"/>
      <c r="J15" s="67"/>
    </row>
    <row r="16" spans="1:10" ht="15" customHeight="1">
      <c r="A16" s="73"/>
      <c r="B16" s="73"/>
      <c r="C16" s="84"/>
      <c r="D16" s="89"/>
      <c r="E16" s="89"/>
      <c r="F16" s="96"/>
      <c r="G16" s="105"/>
      <c r="H16" s="120"/>
      <c r="J16" s="67"/>
    </row>
    <row r="17" spans="1:14" ht="15" customHeight="1">
      <c r="A17" s="74" t="s">
        <v>46</v>
      </c>
      <c r="B17" s="74"/>
      <c r="C17" s="85">
        <v>1</v>
      </c>
      <c r="D17" s="90" t="s">
        <v>40</v>
      </c>
      <c r="E17" s="90"/>
      <c r="F17" s="99"/>
      <c r="G17" s="107"/>
      <c r="H17" s="119"/>
      <c r="J17" s="67"/>
    </row>
    <row r="18" spans="1:14" ht="15" customHeight="1">
      <c r="A18" s="73"/>
      <c r="B18" s="73"/>
      <c r="C18" s="84"/>
      <c r="D18" s="89"/>
      <c r="E18" s="89"/>
      <c r="F18" s="96"/>
      <c r="G18" s="131"/>
      <c r="H18" s="120"/>
      <c r="J18" s="67"/>
    </row>
    <row r="19" spans="1:14" ht="15" customHeight="1">
      <c r="A19" s="74" t="s">
        <v>111</v>
      </c>
      <c r="B19" s="74"/>
      <c r="C19" s="85">
        <v>1</v>
      </c>
      <c r="D19" s="90" t="s">
        <v>40</v>
      </c>
      <c r="E19" s="90"/>
      <c r="F19" s="99"/>
      <c r="G19" s="132"/>
      <c r="H19" s="119"/>
      <c r="J19" s="67"/>
    </row>
    <row r="20" spans="1:14" ht="15" customHeight="1">
      <c r="A20" s="73"/>
      <c r="B20" s="80"/>
      <c r="C20" s="84"/>
      <c r="D20" s="89"/>
      <c r="E20" s="89"/>
      <c r="F20" s="96"/>
      <c r="G20" s="131"/>
      <c r="H20" s="120"/>
      <c r="J20" s="67"/>
    </row>
    <row r="21" spans="1:14" ht="15" customHeight="1">
      <c r="A21" s="74" t="s">
        <v>113</v>
      </c>
      <c r="B21" s="81"/>
      <c r="C21" s="85">
        <v>1</v>
      </c>
      <c r="D21" s="90" t="s">
        <v>40</v>
      </c>
      <c r="E21" s="90"/>
      <c r="F21" s="99"/>
      <c r="G21" s="132"/>
      <c r="H21" s="119"/>
      <c r="J21" s="67"/>
    </row>
    <row r="22" spans="1:14" ht="15" customHeight="1">
      <c r="A22" s="73"/>
      <c r="B22" s="80"/>
      <c r="C22" s="84"/>
      <c r="D22" s="89"/>
      <c r="E22" s="91"/>
      <c r="F22" s="100"/>
      <c r="G22" s="109"/>
      <c r="H22" s="118"/>
      <c r="J22" s="67"/>
    </row>
    <row r="23" spans="1:14" ht="15" customHeight="1">
      <c r="A23" s="74" t="s">
        <v>22</v>
      </c>
      <c r="B23" s="81"/>
      <c r="C23" s="85">
        <v>1</v>
      </c>
      <c r="D23" s="90" t="s">
        <v>40</v>
      </c>
      <c r="E23" s="90"/>
      <c r="F23" s="99"/>
      <c r="G23" s="132"/>
      <c r="H23" s="119"/>
      <c r="J23" s="67"/>
    </row>
    <row r="24" spans="1:14" ht="15" customHeight="1">
      <c r="A24" s="73"/>
      <c r="B24" s="130"/>
      <c r="C24" s="84"/>
      <c r="D24" s="89"/>
      <c r="E24" s="100"/>
      <c r="F24" s="100"/>
      <c r="G24" s="133"/>
      <c r="H24" s="135"/>
      <c r="J24" s="67"/>
    </row>
    <row r="25" spans="1:14" ht="15" customHeight="1">
      <c r="A25" s="74" t="s">
        <v>114</v>
      </c>
      <c r="B25" s="81"/>
      <c r="C25" s="85">
        <v>1</v>
      </c>
      <c r="D25" s="90" t="s">
        <v>40</v>
      </c>
      <c r="E25" s="90"/>
      <c r="F25" s="99"/>
      <c r="G25" s="111"/>
      <c r="H25" s="122"/>
      <c r="J25" s="67"/>
    </row>
    <row r="26" spans="1:14" ht="15" customHeight="1">
      <c r="A26" s="73"/>
      <c r="B26" s="73"/>
      <c r="C26" s="84"/>
      <c r="D26" s="89"/>
      <c r="E26" s="91"/>
      <c r="F26" s="100"/>
      <c r="G26" s="134"/>
      <c r="H26" s="135"/>
      <c r="J26" s="67"/>
    </row>
    <row r="27" spans="1:14" ht="15" customHeight="1">
      <c r="A27" s="74" t="s">
        <v>115</v>
      </c>
      <c r="B27" s="74"/>
      <c r="C27" s="85">
        <v>1</v>
      </c>
      <c r="D27" s="90" t="s">
        <v>40</v>
      </c>
      <c r="E27" s="91"/>
      <c r="F27" s="100"/>
      <c r="G27" s="134"/>
      <c r="H27" s="135"/>
      <c r="J27" s="67"/>
    </row>
    <row r="28" spans="1:14" s="70" customFormat="1" ht="15" customHeight="1">
      <c r="A28" s="73"/>
      <c r="B28" s="80"/>
      <c r="C28" s="84"/>
      <c r="D28" s="91"/>
      <c r="E28" s="96"/>
      <c r="F28" s="96"/>
      <c r="G28" s="110"/>
      <c r="H28" s="121"/>
      <c r="I28" s="65"/>
      <c r="J28" s="67"/>
      <c r="K28" s="127"/>
      <c r="L28" s="127"/>
      <c r="M28" s="127"/>
      <c r="N28" s="127"/>
    </row>
    <row r="29" spans="1:14" s="70" customFormat="1" ht="15" customHeight="1">
      <c r="A29" s="74"/>
      <c r="B29" s="81"/>
      <c r="C29" s="85"/>
      <c r="D29" s="90"/>
      <c r="E29" s="90"/>
      <c r="F29" s="99"/>
      <c r="G29" s="111"/>
      <c r="H29" s="122"/>
      <c r="I29" s="65"/>
      <c r="J29" s="67"/>
      <c r="K29" s="127"/>
      <c r="L29" s="127"/>
      <c r="M29" s="127"/>
      <c r="N29" s="127"/>
    </row>
    <row r="30" spans="1:14" s="70" customFormat="1" ht="15" customHeight="1">
      <c r="A30" s="73"/>
      <c r="B30" s="80"/>
      <c r="C30" s="84"/>
      <c r="D30" s="91"/>
      <c r="E30" s="91"/>
      <c r="F30" s="100"/>
      <c r="G30" s="110"/>
      <c r="H30" s="121"/>
      <c r="I30" s="65"/>
      <c r="J30" s="67"/>
      <c r="K30" s="127"/>
      <c r="L30" s="127"/>
      <c r="M30" s="127"/>
      <c r="N30" s="127"/>
    </row>
    <row r="31" spans="1:14" s="70" customFormat="1" ht="15" customHeight="1">
      <c r="A31" s="74"/>
      <c r="B31" s="81"/>
      <c r="C31" s="85"/>
      <c r="D31" s="90"/>
      <c r="E31" s="90"/>
      <c r="F31" s="99"/>
      <c r="G31" s="111"/>
      <c r="H31" s="122"/>
      <c r="I31" s="65"/>
      <c r="J31" s="67"/>
      <c r="K31" s="127"/>
      <c r="L31" s="127"/>
      <c r="M31" s="127"/>
      <c r="N31" s="127"/>
    </row>
    <row r="32" spans="1:14" s="70" customFormat="1" ht="15" customHeight="1">
      <c r="A32" s="73"/>
      <c r="B32" s="130"/>
      <c r="C32" s="84"/>
      <c r="D32" s="89"/>
      <c r="E32" s="89"/>
      <c r="F32" s="96"/>
      <c r="G32" s="112"/>
      <c r="H32" s="135"/>
      <c r="I32" s="65"/>
      <c r="J32" s="67"/>
      <c r="K32" s="127"/>
      <c r="L32" s="127"/>
      <c r="M32" s="127"/>
      <c r="N32" s="127"/>
    </row>
    <row r="33" spans="1:14" s="70" customFormat="1" ht="15" customHeight="1">
      <c r="A33" s="129" t="s">
        <v>41</v>
      </c>
      <c r="B33" s="81"/>
      <c r="C33" s="85"/>
      <c r="D33" s="90"/>
      <c r="E33" s="90"/>
      <c r="F33" s="99"/>
      <c r="G33" s="111"/>
      <c r="H33" s="122"/>
      <c r="I33" s="65"/>
      <c r="J33" s="67"/>
      <c r="K33" s="127"/>
      <c r="L33" s="127"/>
      <c r="M33" s="127"/>
      <c r="N33" s="127"/>
    </row>
  </sheetData>
  <mergeCells count="1">
    <mergeCell ref="G3:H3"/>
  </mergeCells>
  <phoneticPr fontId="30"/>
  <pageMargins left="0.90551181102362222" right="0.70866141732283472" top="0.74803149606299213" bottom="0.74803149606299213" header="0.31496062992125984" footer="0.31496062992125984"/>
  <pageSetup paperSize="9" scale="95" fitToWidth="1" fitToHeight="1" orientation="landscape" usePrinterDefaults="1" horizontalDpi="300" verticalDpi="300" r:id="rId1"/>
  <headerFooter alignWithMargins="0"/>
  <colBreaks count="2" manualBreakCount="2">
    <brk id="8" max="1048575" man="1"/>
    <brk id="18" max="1048575" man="1"/>
  </colBreaks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>
  <sheetPr>
    <tabColor theme="0" tint="-5.e-002"/>
    <pageSetUpPr autoPageBreaks="0"/>
  </sheetPr>
  <dimension ref="B1:M1056"/>
  <sheetViews>
    <sheetView view="pageBreakPreview" zoomScaleNormal="75" zoomScaleSheetLayoutView="100" workbookViewId="0">
      <selection activeCell="H14" sqref="H14"/>
    </sheetView>
  </sheetViews>
  <sheetFormatPr defaultColWidth="10" defaultRowHeight="31.5" customHeight="1"/>
  <cols>
    <col min="1" max="1" width="4.375" style="65" customWidth="1"/>
    <col min="2" max="2" width="23.625" style="65" customWidth="1"/>
    <col min="3" max="3" width="24.625" style="65" customWidth="1"/>
    <col min="4" max="4" width="19.5" style="65" customWidth="1"/>
    <col min="5" max="5" width="11.25" style="66" customWidth="1"/>
    <col min="6" max="6" width="8.25" style="67" customWidth="1"/>
    <col min="7" max="7" width="12.375" style="136" customWidth="1"/>
    <col min="8" max="8" width="18.625" style="68" customWidth="1"/>
    <col min="9" max="9" width="9.375" style="68" customWidth="1"/>
    <col min="10" max="10" width="9.375" style="65" customWidth="1"/>
    <col min="11" max="11" width="9.25" style="65" customWidth="1"/>
    <col min="12" max="12" width="9.25" style="69" customWidth="1"/>
    <col min="13" max="16384" width="10" style="65"/>
  </cols>
  <sheetData>
    <row r="1" spans="2:12" ht="21" customHeight="1">
      <c r="B1" s="65" t="s">
        <v>21</v>
      </c>
      <c r="G1" s="207"/>
    </row>
    <row r="2" spans="2:12" ht="25.5" customHeight="1">
      <c r="B2" s="71" t="s">
        <v>366</v>
      </c>
      <c r="C2" s="77" t="s">
        <v>118</v>
      </c>
      <c r="D2" s="77"/>
      <c r="E2" s="82"/>
      <c r="F2" s="87"/>
      <c r="G2" s="208"/>
      <c r="H2" s="97"/>
      <c r="I2" s="101"/>
      <c r="J2" s="113"/>
    </row>
    <row r="3" spans="2:12" s="67" customFormat="1" ht="24" customHeight="1">
      <c r="B3" s="72" t="s">
        <v>9</v>
      </c>
      <c r="C3" s="72" t="s">
        <v>73</v>
      </c>
      <c r="D3" s="114"/>
      <c r="E3" s="83" t="s">
        <v>20</v>
      </c>
      <c r="F3" s="88" t="s">
        <v>26</v>
      </c>
      <c r="G3" s="209" t="s">
        <v>30</v>
      </c>
      <c r="H3" s="98" t="s">
        <v>11</v>
      </c>
      <c r="I3" s="72" t="s">
        <v>23</v>
      </c>
      <c r="J3" s="114"/>
      <c r="L3" s="69"/>
    </row>
    <row r="4" spans="2:12" ht="16.149999999999999" customHeight="1">
      <c r="B4" s="71"/>
      <c r="C4" s="130"/>
      <c r="D4" s="178"/>
      <c r="E4" s="84"/>
      <c r="F4" s="89"/>
      <c r="G4" s="210"/>
      <c r="H4" s="96"/>
      <c r="I4" s="105"/>
      <c r="J4" s="118"/>
      <c r="L4" s="67"/>
    </row>
    <row r="5" spans="2:12" ht="16.149999999999999" customHeight="1">
      <c r="B5" s="81"/>
      <c r="C5" s="81"/>
      <c r="D5" s="81"/>
      <c r="E5" s="85"/>
      <c r="F5" s="90"/>
      <c r="G5" s="211"/>
      <c r="H5" s="99"/>
      <c r="I5" s="106"/>
      <c r="J5" s="119"/>
      <c r="L5" s="67"/>
    </row>
    <row r="6" spans="2:12" ht="16.149999999999999" customHeight="1">
      <c r="B6" s="71"/>
      <c r="C6" s="130"/>
      <c r="D6" s="157"/>
      <c r="E6" s="84"/>
      <c r="F6" s="91"/>
      <c r="G6" s="210"/>
      <c r="H6" s="96"/>
      <c r="I6" s="105"/>
      <c r="J6" s="118"/>
      <c r="L6" s="67"/>
    </row>
    <row r="7" spans="2:12" ht="16.149999999999999" customHeight="1">
      <c r="B7" s="137" t="s">
        <v>112</v>
      </c>
      <c r="C7" s="81" t="s">
        <v>123</v>
      </c>
      <c r="D7" s="81" t="s">
        <v>121</v>
      </c>
      <c r="E7" s="85">
        <v>1</v>
      </c>
      <c r="F7" s="90" t="s">
        <v>356</v>
      </c>
      <c r="G7" s="211"/>
      <c r="H7" s="99"/>
      <c r="I7" s="106"/>
      <c r="J7" s="119"/>
      <c r="L7" s="67"/>
    </row>
    <row r="8" spans="2:12" ht="16.149999999999999" customHeight="1">
      <c r="B8" s="76"/>
      <c r="C8" s="130"/>
      <c r="D8" s="130"/>
      <c r="E8" s="84"/>
      <c r="F8" s="91"/>
      <c r="G8" s="210"/>
      <c r="H8" s="96"/>
      <c r="I8" s="105"/>
      <c r="J8" s="118"/>
      <c r="L8" s="67"/>
    </row>
    <row r="9" spans="2:12" ht="16.149999999999999" customHeight="1">
      <c r="B9" s="74"/>
      <c r="C9" s="81" t="s">
        <v>124</v>
      </c>
      <c r="D9" s="81" t="s">
        <v>117</v>
      </c>
      <c r="E9" s="85">
        <v>1</v>
      </c>
      <c r="F9" s="90" t="s">
        <v>356</v>
      </c>
      <c r="G9" s="211"/>
      <c r="H9" s="99"/>
      <c r="I9" s="107"/>
      <c r="J9" s="119"/>
      <c r="L9" s="67"/>
    </row>
    <row r="10" spans="2:12" ht="15.6" customHeight="1">
      <c r="B10" s="76"/>
      <c r="C10" s="130"/>
      <c r="D10" s="130"/>
      <c r="E10" s="84"/>
      <c r="F10" s="89"/>
      <c r="G10" s="210"/>
      <c r="H10" s="96"/>
      <c r="I10" s="105"/>
      <c r="J10" s="118"/>
      <c r="L10" s="67"/>
    </row>
    <row r="11" spans="2:12" ht="16.149999999999999" customHeight="1">
      <c r="B11" s="74"/>
      <c r="C11" s="81"/>
      <c r="D11" s="81"/>
      <c r="E11" s="85"/>
      <c r="F11" s="90"/>
      <c r="G11" s="211"/>
      <c r="H11" s="99"/>
      <c r="I11" s="106"/>
      <c r="J11" s="119"/>
      <c r="L11" s="67"/>
    </row>
    <row r="12" spans="2:12" ht="16.149999999999999" customHeight="1">
      <c r="B12" s="76"/>
      <c r="C12" s="130"/>
      <c r="D12" s="130"/>
      <c r="E12" s="84"/>
      <c r="F12" s="91"/>
      <c r="G12" s="210"/>
      <c r="H12" s="96"/>
      <c r="I12" s="105"/>
      <c r="J12" s="120"/>
      <c r="L12" s="67"/>
    </row>
    <row r="13" spans="2:12" ht="16.149999999999999" customHeight="1">
      <c r="B13" s="74" t="s">
        <v>126</v>
      </c>
      <c r="C13" s="81" t="s">
        <v>129</v>
      </c>
      <c r="D13" s="81" t="s">
        <v>131</v>
      </c>
      <c r="E13" s="85">
        <v>1</v>
      </c>
      <c r="F13" s="90" t="s">
        <v>40</v>
      </c>
      <c r="G13" s="211"/>
      <c r="H13" s="99"/>
      <c r="I13" s="106"/>
      <c r="J13" s="119"/>
      <c r="L13" s="67"/>
    </row>
    <row r="14" spans="2:12" ht="16.149999999999999" customHeight="1">
      <c r="B14" s="76"/>
      <c r="C14" s="130"/>
      <c r="D14" s="178"/>
      <c r="E14" s="84"/>
      <c r="F14" s="89"/>
      <c r="G14" s="210"/>
      <c r="H14" s="220"/>
      <c r="I14" s="105"/>
      <c r="J14" s="118"/>
      <c r="L14" s="67"/>
    </row>
    <row r="15" spans="2:12" ht="16.149999999999999" customHeight="1">
      <c r="B15" s="74"/>
      <c r="C15" s="81"/>
      <c r="D15" s="81"/>
      <c r="E15" s="85"/>
      <c r="F15" s="90"/>
      <c r="G15" s="211"/>
      <c r="H15" s="99"/>
      <c r="I15" s="106"/>
      <c r="J15" s="119"/>
      <c r="L15" s="67"/>
    </row>
    <row r="16" spans="2:12" ht="16.149999999999999" customHeight="1">
      <c r="B16" s="76"/>
      <c r="C16" s="130"/>
      <c r="D16" s="178"/>
      <c r="E16" s="84"/>
      <c r="F16" s="91"/>
      <c r="G16" s="210"/>
      <c r="H16" s="96"/>
      <c r="I16" s="105"/>
      <c r="J16" s="118"/>
      <c r="L16" s="67"/>
    </row>
    <row r="17" spans="2:12" ht="16.149999999999999" customHeight="1">
      <c r="B17" s="74" t="s">
        <v>127</v>
      </c>
      <c r="C17" s="81" t="s">
        <v>355</v>
      </c>
      <c r="D17" s="186" t="s">
        <v>64</v>
      </c>
      <c r="E17" s="85">
        <v>1</v>
      </c>
      <c r="F17" s="90" t="s">
        <v>40</v>
      </c>
      <c r="G17" s="211"/>
      <c r="H17" s="99"/>
      <c r="I17" s="106"/>
      <c r="J17" s="119"/>
      <c r="L17" s="67"/>
    </row>
    <row r="18" spans="2:12" ht="16.149999999999999" customHeight="1">
      <c r="B18" s="76"/>
      <c r="C18" s="130"/>
      <c r="D18" s="178"/>
      <c r="E18" s="84"/>
      <c r="F18" s="89"/>
      <c r="G18" s="210"/>
      <c r="H18" s="96"/>
      <c r="I18" s="105"/>
      <c r="J18" s="120"/>
      <c r="L18" s="67"/>
    </row>
    <row r="19" spans="2:12" ht="16.149999999999999" customHeight="1">
      <c r="B19" s="74"/>
      <c r="C19" s="81"/>
      <c r="D19" s="187"/>
      <c r="E19" s="85"/>
      <c r="F19" s="90"/>
      <c r="G19" s="211"/>
      <c r="H19" s="99"/>
      <c r="I19" s="106"/>
      <c r="J19" s="119"/>
      <c r="L19" s="67"/>
    </row>
    <row r="20" spans="2:12" ht="16.149999999999999" customHeight="1">
      <c r="B20" s="76"/>
      <c r="C20" s="165" t="s">
        <v>361</v>
      </c>
      <c r="D20" s="130"/>
      <c r="E20" s="84"/>
      <c r="F20" s="91"/>
      <c r="G20" s="210"/>
      <c r="H20" s="96"/>
      <c r="I20" s="105"/>
      <c r="J20" s="120"/>
      <c r="L20" s="67"/>
    </row>
    <row r="21" spans="2:12" ht="16.149999999999999" customHeight="1">
      <c r="B21" s="74" t="s">
        <v>76</v>
      </c>
      <c r="C21" s="81"/>
      <c r="D21" s="81"/>
      <c r="E21" s="85">
        <v>1</v>
      </c>
      <c r="F21" s="90" t="s">
        <v>40</v>
      </c>
      <c r="G21" s="211"/>
      <c r="H21" s="99"/>
      <c r="I21" s="106"/>
      <c r="J21" s="119"/>
      <c r="L21" s="67"/>
    </row>
    <row r="22" spans="2:12" s="70" customFormat="1" ht="16.149999999999999" customHeight="1">
      <c r="B22" s="71"/>
      <c r="C22" s="130"/>
      <c r="D22" s="157"/>
      <c r="E22" s="84"/>
      <c r="F22" s="91"/>
      <c r="G22" s="210"/>
      <c r="H22" s="100"/>
      <c r="I22" s="108"/>
      <c r="J22" s="118"/>
      <c r="K22" s="65"/>
      <c r="L22" s="67"/>
    </row>
    <row r="23" spans="2:12" s="70" customFormat="1" ht="16.149999999999999" customHeight="1">
      <c r="B23" s="74"/>
      <c r="C23" s="81"/>
      <c r="D23" s="81"/>
      <c r="E23" s="85"/>
      <c r="F23" s="90"/>
      <c r="G23" s="211"/>
      <c r="H23" s="99"/>
      <c r="I23" s="107"/>
      <c r="J23" s="118"/>
      <c r="K23" s="65"/>
      <c r="L23" s="67"/>
    </row>
    <row r="24" spans="2:12" s="70" customFormat="1" ht="16.149999999999999" customHeight="1">
      <c r="B24" s="76"/>
      <c r="C24" s="130"/>
      <c r="D24" s="130"/>
      <c r="E24" s="84"/>
      <c r="F24" s="89"/>
      <c r="G24" s="210"/>
      <c r="H24" s="96"/>
      <c r="I24" s="110"/>
      <c r="J24" s="121"/>
      <c r="K24" s="65"/>
      <c r="L24" s="67"/>
    </row>
    <row r="25" spans="2:12" s="70" customFormat="1" ht="16.149999999999999" customHeight="1">
      <c r="B25" s="74"/>
      <c r="C25" s="81"/>
      <c r="D25" s="173"/>
      <c r="E25" s="85"/>
      <c r="F25" s="90"/>
      <c r="G25" s="211"/>
      <c r="H25" s="99"/>
      <c r="I25" s="106"/>
      <c r="J25" s="122"/>
      <c r="K25" s="65"/>
      <c r="L25" s="67"/>
    </row>
    <row r="26" spans="2:12" s="70" customFormat="1" ht="16.149999999999999" customHeight="1">
      <c r="B26" s="75"/>
      <c r="C26" s="130"/>
      <c r="D26" s="178"/>
      <c r="E26" s="84"/>
      <c r="F26" s="89"/>
      <c r="G26" s="210"/>
      <c r="H26" s="96"/>
      <c r="I26" s="133"/>
      <c r="J26" s="135"/>
      <c r="K26" s="65"/>
      <c r="L26" s="67"/>
    </row>
    <row r="27" spans="2:12" s="70" customFormat="1" ht="16.149999999999999" customHeight="1">
      <c r="B27" s="74"/>
      <c r="C27" s="81"/>
      <c r="D27" s="81"/>
      <c r="E27" s="85"/>
      <c r="F27" s="90"/>
      <c r="G27" s="211"/>
      <c r="H27" s="99"/>
      <c r="I27" s="133"/>
      <c r="J27" s="135"/>
      <c r="K27" s="65"/>
      <c r="L27" s="67"/>
    </row>
    <row r="28" spans="2:12" s="70" customFormat="1" ht="16.149999999999999" customHeight="1">
      <c r="B28" s="71"/>
      <c r="C28" s="130"/>
      <c r="D28" s="130"/>
      <c r="E28" s="84"/>
      <c r="F28" s="89"/>
      <c r="G28" s="210"/>
      <c r="H28" s="96"/>
      <c r="I28" s="110"/>
      <c r="J28" s="121"/>
      <c r="K28" s="65"/>
      <c r="L28" s="67"/>
    </row>
    <row r="29" spans="2:12" s="70" customFormat="1" ht="16.149999999999999" customHeight="1">
      <c r="B29" s="74"/>
      <c r="C29" s="81"/>
      <c r="D29" s="81"/>
      <c r="E29" s="85"/>
      <c r="F29" s="90"/>
      <c r="G29" s="211"/>
      <c r="H29" s="99"/>
      <c r="I29" s="106"/>
      <c r="J29" s="122"/>
      <c r="K29" s="65"/>
      <c r="L29" s="67"/>
    </row>
    <row r="30" spans="2:12" s="70" customFormat="1" ht="16.149999999999999" customHeight="1">
      <c r="B30" s="71"/>
      <c r="C30" s="130"/>
      <c r="D30" s="130"/>
      <c r="E30" s="84"/>
      <c r="F30" s="89"/>
      <c r="G30" s="210"/>
      <c r="H30" s="96"/>
      <c r="I30" s="110"/>
      <c r="J30" s="121"/>
      <c r="K30" s="65"/>
      <c r="L30" s="67"/>
    </row>
    <row r="31" spans="2:12" s="70" customFormat="1" ht="16.149999999999999" customHeight="1">
      <c r="B31" s="74"/>
      <c r="C31" s="81"/>
      <c r="D31" s="81"/>
      <c r="E31" s="85"/>
      <c r="F31" s="90"/>
      <c r="G31" s="211"/>
      <c r="H31" s="99"/>
      <c r="I31" s="106"/>
      <c r="J31" s="122"/>
      <c r="K31" s="65"/>
      <c r="L31" s="67"/>
    </row>
    <row r="32" spans="2:12" s="70" customFormat="1" ht="16.149999999999999" customHeight="1">
      <c r="B32" s="76"/>
      <c r="C32" s="130"/>
      <c r="D32" s="178"/>
      <c r="E32" s="84"/>
      <c r="F32" s="89"/>
      <c r="G32" s="210"/>
      <c r="H32" s="96"/>
      <c r="I32" s="110"/>
      <c r="J32" s="124"/>
      <c r="K32" s="65"/>
      <c r="L32" s="67"/>
    </row>
    <row r="33" spans="2:12" s="70" customFormat="1" ht="16.149999999999999" customHeight="1">
      <c r="B33" s="129" t="s">
        <v>41</v>
      </c>
      <c r="C33" s="81"/>
      <c r="D33" s="81"/>
      <c r="E33" s="85"/>
      <c r="F33" s="90"/>
      <c r="G33" s="211"/>
      <c r="H33" s="99"/>
      <c r="I33" s="106"/>
      <c r="J33" s="125"/>
      <c r="K33" s="65"/>
      <c r="L33" s="67"/>
    </row>
    <row r="34" spans="2:12" ht="21" customHeight="1">
      <c r="B34" s="65" t="s">
        <v>21</v>
      </c>
      <c r="G34" s="207"/>
    </row>
    <row r="35" spans="2:12" ht="25.5" customHeight="1">
      <c r="B35" s="71" t="s">
        <v>366</v>
      </c>
      <c r="C35" s="77" t="s">
        <v>387</v>
      </c>
      <c r="D35" s="77"/>
      <c r="E35" s="82"/>
      <c r="F35" s="87"/>
      <c r="G35" s="208"/>
      <c r="H35" s="97"/>
      <c r="I35" s="101"/>
      <c r="J35" s="113"/>
    </row>
    <row r="36" spans="2:12" s="67" customFormat="1" ht="24" customHeight="1">
      <c r="B36" s="72" t="s">
        <v>9</v>
      </c>
      <c r="C36" s="72" t="s">
        <v>73</v>
      </c>
      <c r="D36" s="114"/>
      <c r="E36" s="83" t="s">
        <v>20</v>
      </c>
      <c r="F36" s="88" t="s">
        <v>26</v>
      </c>
      <c r="G36" s="209" t="s">
        <v>30</v>
      </c>
      <c r="H36" s="98" t="s">
        <v>11</v>
      </c>
      <c r="I36" s="72" t="s">
        <v>23</v>
      </c>
      <c r="J36" s="114"/>
      <c r="L36" s="69"/>
    </row>
    <row r="37" spans="2:12" ht="16.149999999999999" customHeight="1">
      <c r="B37" s="71"/>
      <c r="C37" s="130"/>
      <c r="D37" s="178"/>
      <c r="E37" s="84"/>
      <c r="F37" s="89"/>
      <c r="G37" s="210"/>
      <c r="H37" s="96"/>
      <c r="I37" s="105"/>
      <c r="J37" s="118"/>
      <c r="L37" s="67"/>
    </row>
    <row r="38" spans="2:12" ht="16.149999999999999" customHeight="1">
      <c r="B38" s="81" t="s">
        <v>7</v>
      </c>
      <c r="C38" s="81"/>
      <c r="D38" s="81"/>
      <c r="E38" s="85"/>
      <c r="F38" s="90"/>
      <c r="G38" s="211"/>
      <c r="H38" s="99"/>
      <c r="I38" s="106"/>
      <c r="J38" s="119"/>
      <c r="L38" s="67"/>
    </row>
    <row r="39" spans="2:12" ht="16.149999999999999" customHeight="1">
      <c r="B39" s="71"/>
      <c r="C39" s="71"/>
      <c r="D39" s="157"/>
      <c r="E39" s="84"/>
      <c r="F39" s="91"/>
      <c r="G39" s="210"/>
      <c r="H39" s="96"/>
      <c r="I39" s="105"/>
      <c r="J39" s="118"/>
      <c r="L39" s="67"/>
    </row>
    <row r="40" spans="2:12" ht="16.149999999999999" customHeight="1">
      <c r="B40" s="138">
        <v>1</v>
      </c>
      <c r="C40" s="137" t="s">
        <v>330</v>
      </c>
      <c r="D40" s="81"/>
      <c r="E40" s="85">
        <v>1</v>
      </c>
      <c r="F40" s="90" t="s">
        <v>40</v>
      </c>
      <c r="G40" s="211"/>
      <c r="H40" s="99"/>
      <c r="I40" s="106"/>
      <c r="J40" s="119"/>
      <c r="L40" s="67"/>
    </row>
    <row r="41" spans="2:12" ht="16.149999999999999" customHeight="1">
      <c r="B41" s="76"/>
      <c r="C41" s="76"/>
      <c r="D41" s="130" t="s">
        <v>68</v>
      </c>
      <c r="E41" s="84"/>
      <c r="F41" s="91"/>
      <c r="G41" s="210"/>
      <c r="H41" s="96"/>
      <c r="I41" s="105"/>
      <c r="J41" s="118"/>
      <c r="L41" s="67"/>
    </row>
    <row r="42" spans="2:12" ht="16.149999999999999" customHeight="1">
      <c r="B42" s="74">
        <v>2</v>
      </c>
      <c r="C42" s="74" t="s">
        <v>36</v>
      </c>
      <c r="D42" s="81" t="s">
        <v>309</v>
      </c>
      <c r="E42" s="85">
        <v>1</v>
      </c>
      <c r="F42" s="90" t="s">
        <v>40</v>
      </c>
      <c r="G42" s="211"/>
      <c r="H42" s="99"/>
      <c r="I42" s="107"/>
      <c r="J42" s="119"/>
      <c r="L42" s="67"/>
    </row>
    <row r="43" spans="2:12" ht="15.6" customHeight="1">
      <c r="B43" s="76"/>
      <c r="C43" s="76"/>
      <c r="D43" s="130" t="s">
        <v>68</v>
      </c>
      <c r="E43" s="84"/>
      <c r="F43" s="91"/>
      <c r="G43" s="210"/>
      <c r="H43" s="96"/>
      <c r="I43" s="105"/>
      <c r="J43" s="118"/>
      <c r="L43" s="67"/>
    </row>
    <row r="44" spans="2:12" ht="16.149999999999999" customHeight="1">
      <c r="B44" s="74">
        <v>3</v>
      </c>
      <c r="C44" s="74" t="s">
        <v>36</v>
      </c>
      <c r="D44" s="81" t="s">
        <v>255</v>
      </c>
      <c r="E44" s="85">
        <v>1</v>
      </c>
      <c r="F44" s="90" t="s">
        <v>40</v>
      </c>
      <c r="G44" s="211"/>
      <c r="H44" s="99"/>
      <c r="I44" s="106"/>
      <c r="J44" s="119"/>
      <c r="L44" s="67"/>
    </row>
    <row r="45" spans="2:12" ht="16.149999999999999" customHeight="1">
      <c r="B45" s="76"/>
      <c r="C45" s="76"/>
      <c r="D45" s="130" t="s">
        <v>321</v>
      </c>
      <c r="E45" s="84"/>
      <c r="F45" s="91"/>
      <c r="G45" s="212"/>
      <c r="H45" s="96"/>
      <c r="I45" s="105"/>
      <c r="J45" s="120"/>
      <c r="L45" s="67"/>
    </row>
    <row r="46" spans="2:12" ht="16.149999999999999" customHeight="1">
      <c r="B46" s="74">
        <v>4</v>
      </c>
      <c r="C46" s="74" t="s">
        <v>36</v>
      </c>
      <c r="D46" s="81"/>
      <c r="E46" s="85">
        <v>1</v>
      </c>
      <c r="F46" s="90" t="s">
        <v>40</v>
      </c>
      <c r="G46" s="213"/>
      <c r="H46" s="99"/>
      <c r="I46" s="106"/>
      <c r="J46" s="119"/>
      <c r="L46" s="67"/>
    </row>
    <row r="47" spans="2:12" ht="16.149999999999999" customHeight="1">
      <c r="B47" s="76"/>
      <c r="C47" s="76"/>
      <c r="D47" s="178" t="s">
        <v>331</v>
      </c>
      <c r="E47" s="84"/>
      <c r="F47" s="91"/>
      <c r="G47" s="210"/>
      <c r="H47" s="220"/>
      <c r="I47" s="105"/>
      <c r="J47" s="118"/>
      <c r="L47" s="67"/>
    </row>
    <row r="48" spans="2:12" ht="16.149999999999999" customHeight="1">
      <c r="B48" s="74">
        <v>5</v>
      </c>
      <c r="C48" s="74" t="s">
        <v>37</v>
      </c>
      <c r="D48" s="81" t="s">
        <v>332</v>
      </c>
      <c r="E48" s="85">
        <v>1</v>
      </c>
      <c r="F48" s="90" t="s">
        <v>40</v>
      </c>
      <c r="G48" s="211"/>
      <c r="H48" s="99"/>
      <c r="I48" s="106"/>
      <c r="J48" s="119"/>
      <c r="L48" s="67"/>
    </row>
    <row r="49" spans="2:12" ht="16.149999999999999" customHeight="1">
      <c r="B49" s="76"/>
      <c r="C49" s="76"/>
      <c r="D49" s="188" t="s">
        <v>327</v>
      </c>
      <c r="E49" s="84"/>
      <c r="F49" s="91"/>
      <c r="G49" s="210"/>
      <c r="H49" s="96"/>
      <c r="I49" s="105"/>
      <c r="J49" s="118"/>
      <c r="L49" s="67"/>
    </row>
    <row r="50" spans="2:12" ht="16.149999999999999" customHeight="1">
      <c r="B50" s="74">
        <v>6</v>
      </c>
      <c r="C50" s="74" t="s">
        <v>37</v>
      </c>
      <c r="D50" s="81" t="s">
        <v>332</v>
      </c>
      <c r="E50" s="85">
        <v>1</v>
      </c>
      <c r="F50" s="90" t="s">
        <v>40</v>
      </c>
      <c r="G50" s="211"/>
      <c r="H50" s="99"/>
      <c r="I50" s="106"/>
      <c r="J50" s="119"/>
      <c r="L50" s="67"/>
    </row>
    <row r="51" spans="2:12" ht="16.149999999999999" customHeight="1">
      <c r="B51" s="76"/>
      <c r="C51" s="76"/>
      <c r="D51" s="178" t="s">
        <v>359</v>
      </c>
      <c r="E51" s="84"/>
      <c r="F51" s="91"/>
      <c r="G51" s="212"/>
      <c r="H51" s="96"/>
      <c r="I51" s="105"/>
      <c r="J51" s="120"/>
      <c r="L51" s="67"/>
    </row>
    <row r="52" spans="2:12" ht="16.149999999999999" customHeight="1">
      <c r="B52" s="74">
        <v>7</v>
      </c>
      <c r="C52" s="74" t="s">
        <v>154</v>
      </c>
      <c r="D52" s="81"/>
      <c r="E52" s="85">
        <v>1</v>
      </c>
      <c r="F52" s="90" t="s">
        <v>40</v>
      </c>
      <c r="G52" s="213"/>
      <c r="H52" s="99"/>
      <c r="I52" s="106"/>
      <c r="J52" s="119"/>
      <c r="L52" s="67"/>
    </row>
    <row r="53" spans="2:12" ht="16.149999999999999" customHeight="1">
      <c r="B53" s="76"/>
      <c r="C53" s="76"/>
      <c r="D53" s="130"/>
      <c r="E53" s="84"/>
      <c r="F53" s="91"/>
      <c r="G53" s="214"/>
      <c r="H53" s="96"/>
      <c r="I53" s="105"/>
      <c r="J53" s="120"/>
      <c r="L53" s="67"/>
    </row>
    <row r="54" spans="2:12" ht="16.149999999999999" customHeight="1">
      <c r="B54" s="74"/>
      <c r="C54" s="74"/>
      <c r="D54" s="81"/>
      <c r="E54" s="85"/>
      <c r="F54" s="90"/>
      <c r="G54" s="213"/>
      <c r="H54" s="99"/>
      <c r="I54" s="106"/>
      <c r="J54" s="119"/>
      <c r="L54" s="67"/>
    </row>
    <row r="55" spans="2:12" s="70" customFormat="1" ht="16.149999999999999" customHeight="1">
      <c r="B55" s="71"/>
      <c r="C55" s="130"/>
      <c r="D55" s="157"/>
      <c r="E55" s="84"/>
      <c r="F55" s="91"/>
      <c r="G55" s="215"/>
      <c r="H55" s="100"/>
      <c r="I55" s="108"/>
      <c r="J55" s="118"/>
      <c r="K55" s="65"/>
      <c r="L55" s="67"/>
    </row>
    <row r="56" spans="2:12" s="70" customFormat="1" ht="16.149999999999999" customHeight="1">
      <c r="B56" s="74"/>
      <c r="C56" s="81"/>
      <c r="D56" s="81"/>
      <c r="E56" s="85"/>
      <c r="F56" s="90"/>
      <c r="G56" s="213"/>
      <c r="H56" s="99"/>
      <c r="I56" s="107"/>
      <c r="J56" s="118"/>
      <c r="K56" s="65"/>
      <c r="L56" s="67"/>
    </row>
    <row r="57" spans="2:12" s="70" customFormat="1" ht="16.149999999999999" customHeight="1">
      <c r="B57" s="76"/>
      <c r="C57" s="130"/>
      <c r="D57" s="130"/>
      <c r="E57" s="84"/>
      <c r="F57" s="89"/>
      <c r="G57" s="214"/>
      <c r="H57" s="96"/>
      <c r="I57" s="110"/>
      <c r="J57" s="121"/>
      <c r="K57" s="65"/>
      <c r="L57" s="67"/>
    </row>
    <row r="58" spans="2:12" s="70" customFormat="1" ht="16.149999999999999" customHeight="1">
      <c r="B58" s="74"/>
      <c r="C58" s="81"/>
      <c r="D58" s="173"/>
      <c r="E58" s="85"/>
      <c r="F58" s="90"/>
      <c r="G58" s="213"/>
      <c r="H58" s="99"/>
      <c r="I58" s="106"/>
      <c r="J58" s="122"/>
      <c r="K58" s="65"/>
      <c r="L58" s="67"/>
    </row>
    <row r="59" spans="2:12" s="70" customFormat="1" ht="16.149999999999999" customHeight="1">
      <c r="B59" s="75"/>
      <c r="C59" s="130"/>
      <c r="D59" s="178"/>
      <c r="E59" s="84"/>
      <c r="F59" s="89"/>
      <c r="G59" s="215"/>
      <c r="H59" s="100"/>
      <c r="I59" s="133"/>
      <c r="J59" s="135"/>
      <c r="K59" s="65"/>
      <c r="L59" s="67"/>
    </row>
    <row r="60" spans="2:12" s="70" customFormat="1" ht="16.149999999999999" customHeight="1">
      <c r="B60" s="74"/>
      <c r="C60" s="81"/>
      <c r="D60" s="81"/>
      <c r="E60" s="85"/>
      <c r="F60" s="90"/>
      <c r="G60" s="215"/>
      <c r="H60" s="100"/>
      <c r="I60" s="133"/>
      <c r="J60" s="135"/>
      <c r="K60" s="65"/>
      <c r="L60" s="67"/>
    </row>
    <row r="61" spans="2:12" s="70" customFormat="1" ht="16.149999999999999" customHeight="1">
      <c r="B61" s="71"/>
      <c r="C61" s="130"/>
      <c r="D61" s="130"/>
      <c r="E61" s="84"/>
      <c r="F61" s="89"/>
      <c r="G61" s="214"/>
      <c r="H61" s="96"/>
      <c r="I61" s="110"/>
      <c r="J61" s="121"/>
      <c r="K61" s="65"/>
      <c r="L61" s="67"/>
    </row>
    <row r="62" spans="2:12" s="70" customFormat="1" ht="16.149999999999999" customHeight="1">
      <c r="B62" s="74"/>
      <c r="C62" s="81"/>
      <c r="D62" s="81"/>
      <c r="E62" s="85"/>
      <c r="F62" s="90"/>
      <c r="G62" s="213"/>
      <c r="H62" s="99"/>
      <c r="I62" s="106"/>
      <c r="J62" s="122"/>
      <c r="K62" s="65"/>
      <c r="L62" s="67"/>
    </row>
    <row r="63" spans="2:12" s="70" customFormat="1" ht="16.149999999999999" customHeight="1">
      <c r="B63" s="71"/>
      <c r="C63" s="130"/>
      <c r="D63" s="130"/>
      <c r="E63" s="84"/>
      <c r="F63" s="89"/>
      <c r="G63" s="214"/>
      <c r="H63" s="96"/>
      <c r="I63" s="110"/>
      <c r="J63" s="121"/>
      <c r="K63" s="65"/>
      <c r="L63" s="67"/>
    </row>
    <row r="64" spans="2:12" s="70" customFormat="1" ht="16.149999999999999" customHeight="1">
      <c r="B64" s="74"/>
      <c r="C64" s="81"/>
      <c r="D64" s="81"/>
      <c r="E64" s="85"/>
      <c r="F64" s="90"/>
      <c r="G64" s="213"/>
      <c r="H64" s="99"/>
      <c r="I64" s="106"/>
      <c r="J64" s="122"/>
      <c r="K64" s="65"/>
      <c r="L64" s="67"/>
    </row>
    <row r="65" spans="2:12" s="70" customFormat="1" ht="16.149999999999999" customHeight="1">
      <c r="B65" s="76"/>
      <c r="C65" s="130"/>
      <c r="D65" s="178"/>
      <c r="E65" s="84"/>
      <c r="F65" s="89"/>
      <c r="G65" s="214"/>
      <c r="H65" s="96"/>
      <c r="I65" s="110"/>
      <c r="J65" s="124"/>
      <c r="K65" s="65"/>
      <c r="L65" s="67"/>
    </row>
    <row r="66" spans="2:12" s="70" customFormat="1" ht="16.149999999999999" customHeight="1">
      <c r="B66" s="129" t="s">
        <v>41</v>
      </c>
      <c r="C66" s="81"/>
      <c r="D66" s="81"/>
      <c r="E66" s="85"/>
      <c r="F66" s="90"/>
      <c r="G66" s="213"/>
      <c r="H66" s="99"/>
      <c r="I66" s="106"/>
      <c r="J66" s="125"/>
      <c r="K66" s="65"/>
      <c r="L66" s="67"/>
    </row>
    <row r="67" spans="2:12" ht="21" customHeight="1">
      <c r="B67" s="65" t="s">
        <v>21</v>
      </c>
      <c r="G67" s="207"/>
    </row>
    <row r="68" spans="2:12" ht="25.5" customHeight="1">
      <c r="B68" s="71" t="s">
        <v>366</v>
      </c>
      <c r="C68" s="77" t="s">
        <v>387</v>
      </c>
      <c r="D68" s="77"/>
      <c r="E68" s="82"/>
      <c r="F68" s="87"/>
      <c r="G68" s="208"/>
      <c r="H68" s="97"/>
      <c r="I68" s="101"/>
      <c r="J68" s="113"/>
    </row>
    <row r="69" spans="2:12" s="67" customFormat="1" ht="24" customHeight="1">
      <c r="B69" s="72" t="s">
        <v>9</v>
      </c>
      <c r="C69" s="72" t="s">
        <v>73</v>
      </c>
      <c r="D69" s="114"/>
      <c r="E69" s="83" t="s">
        <v>20</v>
      </c>
      <c r="F69" s="88" t="s">
        <v>26</v>
      </c>
      <c r="G69" s="209" t="s">
        <v>30</v>
      </c>
      <c r="H69" s="98" t="s">
        <v>11</v>
      </c>
      <c r="I69" s="72" t="s">
        <v>23</v>
      </c>
      <c r="J69" s="114"/>
      <c r="L69" s="69"/>
    </row>
    <row r="70" spans="2:12" ht="16.149999999999999" customHeight="1">
      <c r="B70" s="71" t="s">
        <v>8</v>
      </c>
      <c r="C70" s="130" t="s">
        <v>18</v>
      </c>
      <c r="D70" s="178" t="s">
        <v>47</v>
      </c>
      <c r="E70" s="84"/>
      <c r="F70" s="89"/>
      <c r="G70" s="210"/>
      <c r="H70" s="96"/>
      <c r="I70" s="222"/>
      <c r="J70" s="236"/>
      <c r="L70" s="67"/>
    </row>
    <row r="71" spans="2:12" ht="16.149999999999999" customHeight="1">
      <c r="B71" s="81" t="s">
        <v>322</v>
      </c>
      <c r="C71" s="81" t="s">
        <v>107</v>
      </c>
      <c r="D71" s="81" t="s">
        <v>95</v>
      </c>
      <c r="E71" s="85">
        <v>60</v>
      </c>
      <c r="F71" s="90" t="s">
        <v>5</v>
      </c>
      <c r="G71" s="211"/>
      <c r="H71" s="99"/>
      <c r="I71" s="223"/>
      <c r="J71" s="237"/>
      <c r="L71" s="67"/>
    </row>
    <row r="72" spans="2:12" ht="16.149999999999999" customHeight="1">
      <c r="B72" s="71"/>
      <c r="C72" s="130"/>
      <c r="D72" s="157"/>
      <c r="E72" s="84"/>
      <c r="F72" s="91"/>
      <c r="G72" s="210"/>
      <c r="H72" s="96"/>
      <c r="I72" s="105"/>
      <c r="J72" s="118"/>
      <c r="L72" s="67"/>
    </row>
    <row r="73" spans="2:12" ht="16.149999999999999" customHeight="1">
      <c r="B73" s="137"/>
      <c r="C73" s="166" t="s">
        <v>42</v>
      </c>
      <c r="D73" s="81"/>
      <c r="E73" s="85"/>
      <c r="F73" s="90"/>
      <c r="G73" s="211"/>
      <c r="H73" s="99"/>
      <c r="I73" s="106"/>
      <c r="J73" s="119"/>
      <c r="L73" s="67"/>
    </row>
    <row r="74" spans="2:12" ht="16.149999999999999" customHeight="1">
      <c r="B74" s="139"/>
      <c r="C74" s="167"/>
      <c r="D74" s="157"/>
      <c r="E74" s="86"/>
      <c r="F74" s="91"/>
      <c r="G74" s="216"/>
      <c r="H74" s="100"/>
      <c r="I74" s="133"/>
      <c r="J74" s="118"/>
      <c r="L74" s="67"/>
    </row>
    <row r="75" spans="2:12" ht="16.149999999999999" customHeight="1">
      <c r="B75" s="140"/>
      <c r="C75" s="167"/>
      <c r="D75" s="157"/>
      <c r="E75" s="86"/>
      <c r="F75" s="91"/>
      <c r="G75" s="216"/>
      <c r="H75" s="100"/>
      <c r="I75" s="133"/>
      <c r="J75" s="119"/>
      <c r="L75" s="67"/>
    </row>
    <row r="76" spans="2:12" ht="16.149999999999999" customHeight="1">
      <c r="B76" s="76" t="s">
        <v>328</v>
      </c>
      <c r="C76" s="130" t="s">
        <v>34</v>
      </c>
      <c r="D76" s="130" t="s">
        <v>83</v>
      </c>
      <c r="E76" s="84"/>
      <c r="F76" s="89"/>
      <c r="G76" s="210"/>
      <c r="H76" s="96"/>
      <c r="I76" s="222"/>
      <c r="J76" s="236"/>
      <c r="L76" s="67"/>
    </row>
    <row r="77" spans="2:12" ht="16.149999999999999" customHeight="1">
      <c r="B77" s="74" t="s">
        <v>145</v>
      </c>
      <c r="C77" s="81" t="s">
        <v>107</v>
      </c>
      <c r="D77" s="189"/>
      <c r="E77" s="85">
        <v>402.6</v>
      </c>
      <c r="F77" s="90" t="s">
        <v>5</v>
      </c>
      <c r="G77" s="211"/>
      <c r="H77" s="99"/>
      <c r="I77" s="223"/>
      <c r="J77" s="237"/>
      <c r="L77" s="67"/>
    </row>
    <row r="78" spans="2:12" ht="15.6" customHeight="1">
      <c r="B78" s="76"/>
      <c r="C78" s="130" t="s">
        <v>34</v>
      </c>
      <c r="D78" s="130"/>
      <c r="E78" s="84"/>
      <c r="F78" s="80"/>
      <c r="G78" s="210"/>
      <c r="H78" s="96"/>
      <c r="I78" s="224"/>
      <c r="J78" s="118"/>
      <c r="L78" s="67"/>
    </row>
    <row r="79" spans="2:12" ht="16.149999999999999" customHeight="1">
      <c r="B79" s="74"/>
      <c r="C79" s="81" t="s">
        <v>132</v>
      </c>
      <c r="D79" s="81" t="s">
        <v>63</v>
      </c>
      <c r="E79" s="85">
        <v>1</v>
      </c>
      <c r="F79" s="90" t="s">
        <v>40</v>
      </c>
      <c r="G79" s="211"/>
      <c r="H79" s="99"/>
      <c r="I79" s="106"/>
      <c r="J79" s="119"/>
      <c r="L79" s="67"/>
    </row>
    <row r="80" spans="2:12" ht="16.149999999999999" customHeight="1">
      <c r="B80" s="76"/>
      <c r="C80" s="130" t="s">
        <v>67</v>
      </c>
      <c r="D80" s="130"/>
      <c r="E80" s="84"/>
      <c r="F80" s="89"/>
      <c r="G80" s="210"/>
      <c r="H80" s="96"/>
      <c r="I80" s="222"/>
      <c r="J80" s="236"/>
      <c r="L80" s="67"/>
    </row>
    <row r="81" spans="2:12" ht="16.149999999999999" customHeight="1">
      <c r="B81" s="74"/>
      <c r="C81" s="81" t="s">
        <v>320</v>
      </c>
      <c r="D81" s="81" t="s">
        <v>323</v>
      </c>
      <c r="E81" s="85">
        <v>209</v>
      </c>
      <c r="F81" s="90" t="s">
        <v>5</v>
      </c>
      <c r="G81" s="211"/>
      <c r="H81" s="99"/>
      <c r="I81" s="223"/>
      <c r="J81" s="237"/>
      <c r="L81" s="67"/>
    </row>
    <row r="82" spans="2:12" ht="16.149999999999999" customHeight="1">
      <c r="B82" s="76"/>
      <c r="C82" s="130"/>
      <c r="D82" s="130"/>
      <c r="E82" s="84"/>
      <c r="F82" s="91"/>
      <c r="G82" s="210"/>
      <c r="H82" s="100"/>
      <c r="I82" s="133"/>
      <c r="J82" s="118"/>
      <c r="L82" s="67"/>
    </row>
    <row r="83" spans="2:12" ht="16.149999999999999" customHeight="1">
      <c r="B83" s="141"/>
      <c r="C83" s="166" t="s">
        <v>42</v>
      </c>
      <c r="D83" s="81"/>
      <c r="E83" s="85"/>
      <c r="F83" s="90"/>
      <c r="G83" s="211"/>
      <c r="H83" s="99"/>
      <c r="I83" s="106"/>
      <c r="J83" s="119"/>
      <c r="L83" s="67"/>
    </row>
    <row r="84" spans="2:12" ht="16.149999999999999" customHeight="1">
      <c r="B84" s="76"/>
      <c r="C84" s="167"/>
      <c r="D84" s="157"/>
      <c r="E84" s="86"/>
      <c r="F84" s="91"/>
      <c r="G84" s="210"/>
      <c r="H84" s="100"/>
      <c r="I84" s="133"/>
      <c r="J84" s="118"/>
      <c r="L84" s="67"/>
    </row>
    <row r="85" spans="2:12" ht="16.149999999999999" customHeight="1">
      <c r="B85" s="141"/>
      <c r="C85" s="167"/>
      <c r="D85" s="157"/>
      <c r="E85" s="86"/>
      <c r="F85" s="91"/>
      <c r="G85" s="211"/>
      <c r="H85" s="100"/>
      <c r="I85" s="225"/>
      <c r="J85" s="119"/>
      <c r="L85" s="67"/>
    </row>
    <row r="86" spans="2:12" ht="16.149999999999999" customHeight="1">
      <c r="B86" s="76" t="s">
        <v>329</v>
      </c>
      <c r="C86" s="130" t="s">
        <v>34</v>
      </c>
      <c r="D86" s="190" t="s">
        <v>345</v>
      </c>
      <c r="E86" s="84"/>
      <c r="F86" s="89"/>
      <c r="G86" s="210"/>
      <c r="H86" s="96"/>
      <c r="I86" s="222"/>
      <c r="J86" s="236"/>
      <c r="L86" s="67"/>
    </row>
    <row r="87" spans="2:12" ht="16.149999999999999" customHeight="1">
      <c r="B87" s="74" t="s">
        <v>311</v>
      </c>
      <c r="C87" s="81" t="s">
        <v>107</v>
      </c>
      <c r="D87" s="191"/>
      <c r="E87" s="85">
        <v>771.2</v>
      </c>
      <c r="F87" s="90" t="s">
        <v>5</v>
      </c>
      <c r="G87" s="211"/>
      <c r="H87" s="99"/>
      <c r="I87" s="223"/>
      <c r="J87" s="237"/>
      <c r="L87" s="67"/>
    </row>
    <row r="88" spans="2:12" ht="16.149999999999999" customHeight="1">
      <c r="B88" s="76"/>
      <c r="C88" s="130" t="s">
        <v>34</v>
      </c>
      <c r="D88" s="130"/>
      <c r="E88" s="84"/>
      <c r="F88" s="80"/>
      <c r="G88" s="210"/>
      <c r="H88" s="96"/>
      <c r="I88" s="224"/>
      <c r="J88" s="118"/>
      <c r="L88" s="67"/>
    </row>
    <row r="89" spans="2:12" ht="16.149999999999999" customHeight="1">
      <c r="B89" s="74"/>
      <c r="C89" s="81" t="s">
        <v>132</v>
      </c>
      <c r="D89" s="81" t="s">
        <v>63</v>
      </c>
      <c r="E89" s="85">
        <v>1</v>
      </c>
      <c r="F89" s="90" t="s">
        <v>40</v>
      </c>
      <c r="G89" s="211"/>
      <c r="H89" s="99"/>
      <c r="I89" s="106"/>
      <c r="J89" s="119"/>
      <c r="L89" s="67"/>
    </row>
    <row r="90" spans="2:12" ht="16.149999999999999" customHeight="1">
      <c r="B90" s="76"/>
      <c r="C90" s="130" t="s">
        <v>67</v>
      </c>
      <c r="D90" s="178"/>
      <c r="E90" s="84"/>
      <c r="F90" s="89"/>
      <c r="G90" s="210"/>
      <c r="H90" s="96"/>
      <c r="I90" s="222"/>
      <c r="J90" s="236"/>
      <c r="L90" s="67"/>
    </row>
    <row r="91" spans="2:12" ht="16.149999999999999" customHeight="1">
      <c r="B91" s="74"/>
      <c r="C91" s="81" t="s">
        <v>320</v>
      </c>
      <c r="D91" s="81" t="s">
        <v>323</v>
      </c>
      <c r="E91" s="85">
        <v>150</v>
      </c>
      <c r="F91" s="90" t="s">
        <v>5</v>
      </c>
      <c r="G91" s="211"/>
      <c r="H91" s="99"/>
      <c r="I91" s="223"/>
      <c r="J91" s="237"/>
      <c r="L91" s="67"/>
    </row>
    <row r="92" spans="2:12" ht="16.149999999999999" customHeight="1">
      <c r="B92" s="76"/>
      <c r="C92" s="130"/>
      <c r="D92" s="178"/>
      <c r="E92" s="84"/>
      <c r="F92" s="89"/>
      <c r="G92" s="215"/>
      <c r="H92" s="100"/>
      <c r="I92" s="133"/>
      <c r="J92" s="118"/>
      <c r="L92" s="67"/>
    </row>
    <row r="93" spans="2:12" ht="16.149999999999999" customHeight="1">
      <c r="B93" s="141"/>
      <c r="C93" s="166" t="s">
        <v>42</v>
      </c>
      <c r="D93" s="81"/>
      <c r="E93" s="85"/>
      <c r="F93" s="90"/>
      <c r="G93" s="213"/>
      <c r="H93" s="99"/>
      <c r="I93" s="225"/>
      <c r="J93" s="119"/>
      <c r="L93" s="67"/>
    </row>
    <row r="94" spans="2:12" ht="16.149999999999999" customHeight="1">
      <c r="B94" s="76" t="s">
        <v>198</v>
      </c>
      <c r="C94" s="130" t="s">
        <v>54</v>
      </c>
      <c r="D94" s="178"/>
      <c r="E94" s="84"/>
      <c r="F94" s="89"/>
      <c r="G94" s="210"/>
      <c r="H94" s="96"/>
      <c r="I94" s="222"/>
      <c r="J94" s="236"/>
      <c r="L94" s="67"/>
    </row>
    <row r="95" spans="2:12" ht="16.149999999999999" customHeight="1">
      <c r="B95" s="74" t="s">
        <v>321</v>
      </c>
      <c r="C95" s="81" t="s">
        <v>320</v>
      </c>
      <c r="D95" s="81" t="s">
        <v>323</v>
      </c>
      <c r="E95" s="85">
        <v>2520.3000000000002</v>
      </c>
      <c r="F95" s="90" t="s">
        <v>5</v>
      </c>
      <c r="G95" s="211"/>
      <c r="H95" s="99"/>
      <c r="I95" s="223"/>
      <c r="J95" s="237"/>
      <c r="L95" s="67"/>
    </row>
    <row r="96" spans="2:12" s="70" customFormat="1" ht="16.149999999999999" customHeight="1">
      <c r="B96" s="71"/>
      <c r="C96" s="130" t="s">
        <v>54</v>
      </c>
      <c r="D96" s="157"/>
      <c r="E96" s="84"/>
      <c r="F96" s="89"/>
      <c r="G96" s="210"/>
      <c r="H96" s="96"/>
      <c r="I96" s="222"/>
      <c r="J96" s="236"/>
      <c r="K96" s="65"/>
      <c r="L96" s="67"/>
    </row>
    <row r="97" spans="2:12" s="70" customFormat="1" ht="16.149999999999999" customHeight="1">
      <c r="B97" s="74"/>
      <c r="C97" s="81" t="s">
        <v>320</v>
      </c>
      <c r="D97" s="81" t="s">
        <v>259</v>
      </c>
      <c r="E97" s="85">
        <v>2000</v>
      </c>
      <c r="F97" s="90" t="s">
        <v>5</v>
      </c>
      <c r="G97" s="211"/>
      <c r="H97" s="99"/>
      <c r="I97" s="223"/>
      <c r="J97" s="237"/>
      <c r="K97" s="65"/>
      <c r="L97" s="67"/>
    </row>
    <row r="98" spans="2:12" s="70" customFormat="1" ht="16.149999999999999" customHeight="1">
      <c r="B98" s="76"/>
      <c r="C98" s="130"/>
      <c r="D98" s="130"/>
      <c r="E98" s="84"/>
      <c r="F98" s="89"/>
      <c r="G98" s="214"/>
      <c r="H98" s="96"/>
      <c r="I98" s="110"/>
      <c r="J98" s="121"/>
      <c r="K98" s="65"/>
      <c r="L98" s="67"/>
    </row>
    <row r="99" spans="2:12" s="70" customFormat="1" ht="16.149999999999999" customHeight="1">
      <c r="B99" s="74"/>
      <c r="C99" s="166" t="s">
        <v>42</v>
      </c>
      <c r="D99" s="173"/>
      <c r="E99" s="85"/>
      <c r="F99" s="90"/>
      <c r="G99" s="213"/>
      <c r="H99" s="99"/>
      <c r="I99" s="106"/>
      <c r="J99" s="122"/>
      <c r="K99" s="65"/>
      <c r="L99" s="67"/>
    </row>
    <row r="100" spans="2:12" ht="21" customHeight="1">
      <c r="B100" s="65" t="s">
        <v>21</v>
      </c>
      <c r="G100" s="207"/>
    </row>
    <row r="101" spans="2:12" ht="25.5" customHeight="1">
      <c r="B101" s="71" t="s">
        <v>366</v>
      </c>
      <c r="C101" s="77" t="str">
        <v>科目名称　2.汚染土壌除去工事(仕様書　表5-7-1参照）</v>
      </c>
      <c r="D101" s="77"/>
      <c r="E101" s="82"/>
      <c r="F101" s="87"/>
      <c r="G101" s="208"/>
      <c r="H101" s="97"/>
      <c r="I101" s="101"/>
      <c r="J101" s="113"/>
    </row>
    <row r="102" spans="2:12" s="67" customFormat="1" ht="24" customHeight="1">
      <c r="B102" s="72" t="s">
        <v>9</v>
      </c>
      <c r="C102" s="72" t="s">
        <v>73</v>
      </c>
      <c r="D102" s="114"/>
      <c r="E102" s="83" t="s">
        <v>20</v>
      </c>
      <c r="F102" s="88" t="s">
        <v>26</v>
      </c>
      <c r="G102" s="209" t="s">
        <v>30</v>
      </c>
      <c r="H102" s="98" t="s">
        <v>11</v>
      </c>
      <c r="I102" s="72" t="s">
        <v>23</v>
      </c>
      <c r="J102" s="114"/>
      <c r="L102" s="69"/>
    </row>
    <row r="103" spans="2:12" ht="16.149999999999999" customHeight="1">
      <c r="B103" s="142" t="s">
        <v>333</v>
      </c>
      <c r="C103" s="168"/>
      <c r="D103" s="192" t="s">
        <v>346</v>
      </c>
      <c r="E103" s="84"/>
      <c r="F103" s="80"/>
      <c r="G103" s="210"/>
      <c r="H103" s="96"/>
      <c r="I103" s="105"/>
      <c r="J103" s="118"/>
      <c r="L103" s="67"/>
    </row>
    <row r="104" spans="2:12" ht="16.149999999999999" customHeight="1">
      <c r="B104" s="143" t="s">
        <v>325</v>
      </c>
      <c r="C104" s="143"/>
      <c r="D104" s="189"/>
      <c r="E104" s="85"/>
      <c r="F104" s="90"/>
      <c r="G104" s="211"/>
      <c r="H104" s="99"/>
      <c r="I104" s="106"/>
      <c r="J104" s="119"/>
      <c r="L104" s="67"/>
    </row>
    <row r="105" spans="2:12" ht="16.149999999999999" customHeight="1">
      <c r="B105" s="80"/>
      <c r="C105" s="154" t="s">
        <v>326</v>
      </c>
      <c r="D105" s="154"/>
      <c r="E105" s="84"/>
      <c r="F105" s="80"/>
      <c r="G105" s="210"/>
      <c r="H105" s="96"/>
      <c r="I105" s="108"/>
      <c r="J105" s="118"/>
      <c r="L105" s="67"/>
    </row>
    <row r="106" spans="2:12" ht="16.149999999999999" customHeight="1">
      <c r="B106" s="74"/>
      <c r="C106" s="143"/>
      <c r="D106" s="143" t="s">
        <v>64</v>
      </c>
      <c r="E106" s="85">
        <v>1</v>
      </c>
      <c r="F106" s="90" t="s">
        <v>40</v>
      </c>
      <c r="G106" s="211"/>
      <c r="H106" s="99"/>
      <c r="I106" s="106"/>
      <c r="J106" s="119"/>
      <c r="L106" s="67"/>
    </row>
    <row r="107" spans="2:12" ht="16.149999999999999" customHeight="1">
      <c r="B107" s="80"/>
      <c r="C107" s="169" t="s">
        <v>27</v>
      </c>
      <c r="D107" s="130"/>
      <c r="E107" s="84"/>
      <c r="F107" s="89"/>
      <c r="G107" s="210"/>
      <c r="H107" s="96"/>
      <c r="I107" s="105"/>
      <c r="J107" s="118"/>
      <c r="L107" s="67"/>
    </row>
    <row r="108" spans="2:12" ht="16.149999999999999" customHeight="1">
      <c r="B108" s="74"/>
      <c r="C108" s="170"/>
      <c r="D108" s="81" t="s">
        <v>133</v>
      </c>
      <c r="E108" s="85">
        <v>1</v>
      </c>
      <c r="F108" s="90" t="s">
        <v>40</v>
      </c>
      <c r="G108" s="211"/>
      <c r="H108" s="99"/>
      <c r="I108" s="106"/>
      <c r="J108" s="119"/>
      <c r="L108" s="67"/>
    </row>
    <row r="109" spans="2:12" ht="15.6" customHeight="1">
      <c r="B109" s="80" t="s">
        <v>37</v>
      </c>
      <c r="C109" s="130" t="s">
        <v>34</v>
      </c>
      <c r="D109" s="165" t="s">
        <v>220</v>
      </c>
      <c r="E109" s="84"/>
      <c r="F109" s="89"/>
      <c r="G109" s="210"/>
      <c r="H109" s="96"/>
      <c r="I109" s="222"/>
      <c r="J109" s="236"/>
      <c r="L109" s="67"/>
    </row>
    <row r="110" spans="2:12" ht="16.149999999999999" customHeight="1">
      <c r="B110" s="74" t="s">
        <v>324</v>
      </c>
      <c r="C110" s="81" t="s">
        <v>107</v>
      </c>
      <c r="D110" s="193"/>
      <c r="E110" s="85">
        <v>1434.9</v>
      </c>
      <c r="F110" s="90" t="s">
        <v>5</v>
      </c>
      <c r="G110" s="211"/>
      <c r="H110" s="99"/>
      <c r="I110" s="223"/>
      <c r="J110" s="237"/>
      <c r="L110" s="67"/>
    </row>
    <row r="111" spans="2:12" ht="16.149999999999999" customHeight="1">
      <c r="B111" s="80"/>
      <c r="C111" s="130" t="s">
        <v>34</v>
      </c>
      <c r="D111" s="130"/>
      <c r="E111" s="84"/>
      <c r="F111" s="80"/>
      <c r="G111" s="210"/>
      <c r="H111" s="96"/>
      <c r="I111" s="224"/>
      <c r="J111" s="118"/>
      <c r="L111" s="67"/>
    </row>
    <row r="112" spans="2:12" ht="16.149999999999999" customHeight="1">
      <c r="B112" s="74"/>
      <c r="C112" s="81" t="s">
        <v>132</v>
      </c>
      <c r="D112" s="81" t="s">
        <v>63</v>
      </c>
      <c r="E112" s="85">
        <v>1</v>
      </c>
      <c r="F112" s="90" t="s">
        <v>40</v>
      </c>
      <c r="G112" s="211"/>
      <c r="H112" s="99"/>
      <c r="I112" s="106"/>
      <c r="J112" s="119"/>
      <c r="L112" s="67"/>
    </row>
    <row r="113" spans="2:12" ht="16.149999999999999" customHeight="1">
      <c r="B113" s="80" t="s">
        <v>37</v>
      </c>
      <c r="C113" s="130" t="s">
        <v>54</v>
      </c>
      <c r="D113" s="157"/>
      <c r="E113" s="84"/>
      <c r="F113" s="89"/>
      <c r="G113" s="210"/>
      <c r="H113" s="96"/>
      <c r="I113" s="222"/>
      <c r="J113" s="236"/>
      <c r="L113" s="67"/>
    </row>
    <row r="114" spans="2:12" ht="16.149999999999999" customHeight="1">
      <c r="B114" s="74" t="s">
        <v>321</v>
      </c>
      <c r="C114" s="81" t="s">
        <v>320</v>
      </c>
      <c r="D114" s="81" t="s">
        <v>323</v>
      </c>
      <c r="E114" s="85">
        <v>246.6</v>
      </c>
      <c r="F114" s="90" t="s">
        <v>5</v>
      </c>
      <c r="G114" s="211"/>
      <c r="H114" s="99"/>
      <c r="I114" s="223"/>
      <c r="J114" s="237"/>
      <c r="L114" s="67"/>
    </row>
    <row r="115" spans="2:12" ht="16.149999999999999" customHeight="1">
      <c r="B115" s="76"/>
      <c r="C115" s="130"/>
      <c r="D115" s="130"/>
      <c r="E115" s="84"/>
      <c r="F115" s="89"/>
      <c r="G115" s="210"/>
      <c r="H115" s="96"/>
      <c r="I115" s="224"/>
      <c r="J115" s="118"/>
      <c r="L115" s="67"/>
    </row>
    <row r="116" spans="2:12" ht="16.149999999999999" customHeight="1">
      <c r="B116" s="74"/>
      <c r="C116" s="166"/>
      <c r="D116" s="81"/>
      <c r="E116" s="85"/>
      <c r="F116" s="90"/>
      <c r="G116" s="211"/>
      <c r="H116" s="99"/>
      <c r="I116" s="106"/>
      <c r="J116" s="119"/>
      <c r="L116" s="67"/>
    </row>
    <row r="117" spans="2:12" ht="16.149999999999999" customHeight="1">
      <c r="B117" s="71"/>
      <c r="C117" s="130"/>
      <c r="D117" s="130"/>
      <c r="E117" s="84"/>
      <c r="F117" s="89"/>
      <c r="G117" s="214"/>
      <c r="H117" s="96"/>
      <c r="I117" s="108"/>
      <c r="J117" s="121"/>
      <c r="L117" s="67"/>
    </row>
    <row r="118" spans="2:12" ht="16.149999999999999" customHeight="1">
      <c r="B118" s="74"/>
      <c r="C118" s="166" t="s">
        <v>42</v>
      </c>
      <c r="D118" s="81"/>
      <c r="E118" s="85"/>
      <c r="F118" s="90"/>
      <c r="G118" s="213"/>
      <c r="H118" s="99"/>
      <c r="I118" s="106"/>
      <c r="J118" s="122"/>
      <c r="L118" s="67"/>
    </row>
    <row r="119" spans="2:12" ht="16.149999999999999" customHeight="1">
      <c r="B119" s="71"/>
      <c r="C119" s="152"/>
      <c r="D119" s="154"/>
      <c r="E119" s="84"/>
      <c r="F119" s="80"/>
      <c r="G119" s="215"/>
      <c r="H119" s="100"/>
      <c r="I119" s="108"/>
      <c r="J119" s="118"/>
      <c r="L119" s="67"/>
    </row>
    <row r="120" spans="2:12" ht="16.149999999999999" customHeight="1">
      <c r="B120" s="74"/>
      <c r="C120" s="143"/>
      <c r="D120" s="143"/>
      <c r="E120" s="85"/>
      <c r="F120" s="90"/>
      <c r="G120" s="213"/>
      <c r="H120" s="99"/>
      <c r="I120" s="107"/>
      <c r="J120" s="119"/>
      <c r="L120" s="67"/>
    </row>
    <row r="121" spans="2:12" ht="16.149999999999999" customHeight="1">
      <c r="B121" s="142" t="s">
        <v>334</v>
      </c>
      <c r="C121" s="168"/>
      <c r="D121" s="192" t="s">
        <v>348</v>
      </c>
      <c r="E121" s="84"/>
      <c r="F121" s="80"/>
      <c r="G121" s="210"/>
      <c r="H121" s="96"/>
      <c r="I121" s="105"/>
      <c r="J121" s="118"/>
      <c r="L121" s="67"/>
    </row>
    <row r="122" spans="2:12" ht="16.149999999999999" customHeight="1">
      <c r="B122" s="143" t="s">
        <v>327</v>
      </c>
      <c r="C122" s="143"/>
      <c r="D122" s="189"/>
      <c r="E122" s="85"/>
      <c r="F122" s="90"/>
      <c r="G122" s="211"/>
      <c r="H122" s="99"/>
      <c r="I122" s="106"/>
      <c r="J122" s="119"/>
      <c r="L122" s="67"/>
    </row>
    <row r="123" spans="2:12" ht="16.149999999999999" customHeight="1">
      <c r="B123" s="80"/>
      <c r="C123" s="154" t="s">
        <v>326</v>
      </c>
      <c r="D123" s="154"/>
      <c r="E123" s="84"/>
      <c r="F123" s="80"/>
      <c r="G123" s="210"/>
      <c r="H123" s="96"/>
      <c r="I123" s="108"/>
      <c r="J123" s="118"/>
      <c r="L123" s="67"/>
    </row>
    <row r="124" spans="2:12" ht="16.149999999999999" customHeight="1">
      <c r="B124" s="74"/>
      <c r="C124" s="143"/>
      <c r="D124" s="143" t="s">
        <v>64</v>
      </c>
      <c r="E124" s="85">
        <v>1</v>
      </c>
      <c r="F124" s="90" t="s">
        <v>40</v>
      </c>
      <c r="G124" s="211"/>
      <c r="H124" s="99"/>
      <c r="I124" s="106"/>
      <c r="J124" s="119"/>
      <c r="L124" s="67"/>
    </row>
    <row r="125" spans="2:12" ht="16.149999999999999" customHeight="1">
      <c r="B125" s="80"/>
      <c r="C125" s="169" t="s">
        <v>27</v>
      </c>
      <c r="D125" s="130"/>
      <c r="E125" s="84"/>
      <c r="F125" s="89"/>
      <c r="G125" s="210"/>
      <c r="H125" s="96"/>
      <c r="I125" s="105"/>
      <c r="J125" s="118"/>
      <c r="L125" s="67"/>
    </row>
    <row r="126" spans="2:12" ht="16.149999999999999" customHeight="1">
      <c r="B126" s="74"/>
      <c r="C126" s="170"/>
      <c r="D126" s="81" t="s">
        <v>133</v>
      </c>
      <c r="E126" s="85">
        <v>1</v>
      </c>
      <c r="F126" s="90" t="s">
        <v>40</v>
      </c>
      <c r="G126" s="211"/>
      <c r="H126" s="99"/>
      <c r="I126" s="106"/>
      <c r="J126" s="119"/>
      <c r="L126" s="67"/>
    </row>
    <row r="127" spans="2:12" ht="15.6" customHeight="1">
      <c r="B127" s="80" t="s">
        <v>37</v>
      </c>
      <c r="C127" s="130" t="s">
        <v>34</v>
      </c>
      <c r="D127" s="165" t="s">
        <v>2</v>
      </c>
      <c r="E127" s="84"/>
      <c r="F127" s="89"/>
      <c r="G127" s="210"/>
      <c r="H127" s="96"/>
      <c r="I127" s="222"/>
      <c r="J127" s="236"/>
      <c r="L127" s="67"/>
    </row>
    <row r="128" spans="2:12" ht="16.149999999999999" customHeight="1">
      <c r="B128" s="74" t="s">
        <v>324</v>
      </c>
      <c r="C128" s="81" t="s">
        <v>107</v>
      </c>
      <c r="D128" s="193"/>
      <c r="E128" s="85">
        <v>440.2</v>
      </c>
      <c r="F128" s="90" t="s">
        <v>5</v>
      </c>
      <c r="G128" s="211"/>
      <c r="H128" s="99"/>
      <c r="I128" s="223"/>
      <c r="J128" s="237"/>
      <c r="L128" s="67"/>
    </row>
    <row r="129" spans="2:12" s="70" customFormat="1" ht="16.149999999999999" customHeight="1">
      <c r="B129" s="71"/>
      <c r="C129" s="130" t="s">
        <v>34</v>
      </c>
      <c r="D129" s="130"/>
      <c r="E129" s="84"/>
      <c r="F129" s="80"/>
      <c r="G129" s="210"/>
      <c r="H129" s="96"/>
      <c r="I129" s="224"/>
      <c r="J129" s="118"/>
      <c r="K129" s="65"/>
      <c r="L129" s="67"/>
    </row>
    <row r="130" spans="2:12" s="70" customFormat="1" ht="16.149999999999999" customHeight="1">
      <c r="B130" s="74"/>
      <c r="C130" s="81" t="s">
        <v>132</v>
      </c>
      <c r="D130" s="81" t="s">
        <v>63</v>
      </c>
      <c r="E130" s="85">
        <v>1</v>
      </c>
      <c r="F130" s="90" t="s">
        <v>40</v>
      </c>
      <c r="G130" s="211"/>
      <c r="H130" s="99"/>
      <c r="I130" s="106"/>
      <c r="J130" s="119"/>
      <c r="K130" s="65"/>
      <c r="L130" s="67"/>
    </row>
    <row r="131" spans="2:12" s="70" customFormat="1" ht="16.149999999999999" customHeight="1">
      <c r="B131" s="80" t="s">
        <v>37</v>
      </c>
      <c r="C131" s="130" t="s">
        <v>54</v>
      </c>
      <c r="D131" s="157"/>
      <c r="E131" s="84"/>
      <c r="F131" s="89"/>
      <c r="G131" s="210"/>
      <c r="H131" s="96"/>
      <c r="I131" s="226"/>
      <c r="J131" s="238"/>
      <c r="K131" s="65"/>
      <c r="L131" s="67"/>
    </row>
    <row r="132" spans="2:12" s="70" customFormat="1" ht="16.149999999999999" customHeight="1">
      <c r="B132" s="74" t="s">
        <v>321</v>
      </c>
      <c r="C132" s="81" t="s">
        <v>320</v>
      </c>
      <c r="D132" s="81" t="s">
        <v>323</v>
      </c>
      <c r="E132" s="85">
        <v>452.7</v>
      </c>
      <c r="F132" s="90" t="s">
        <v>5</v>
      </c>
      <c r="G132" s="211"/>
      <c r="H132" s="99"/>
      <c r="I132" s="227"/>
      <c r="J132" s="239"/>
      <c r="K132" s="65"/>
      <c r="L132" s="67"/>
    </row>
    <row r="133" spans="2:12" ht="21" customHeight="1">
      <c r="B133" s="65" t="s">
        <v>21</v>
      </c>
      <c r="G133" s="207"/>
    </row>
    <row r="134" spans="2:12" ht="25.5" customHeight="1">
      <c r="B134" s="71" t="s">
        <v>366</v>
      </c>
      <c r="C134" s="77" t="str">
        <v>科目名称　2.汚染土壌除去工事(仕様書　表5-7-1参照）</v>
      </c>
      <c r="D134" s="77"/>
      <c r="E134" s="82"/>
      <c r="F134" s="87"/>
      <c r="G134" s="208"/>
      <c r="H134" s="97"/>
      <c r="I134" s="101"/>
      <c r="J134" s="113"/>
    </row>
    <row r="135" spans="2:12" s="67" customFormat="1" ht="24" customHeight="1">
      <c r="B135" s="72" t="s">
        <v>9</v>
      </c>
      <c r="C135" s="72" t="s">
        <v>73</v>
      </c>
      <c r="D135" s="114"/>
      <c r="E135" s="83" t="s">
        <v>20</v>
      </c>
      <c r="F135" s="88" t="s">
        <v>26</v>
      </c>
      <c r="G135" s="209" t="s">
        <v>30</v>
      </c>
      <c r="H135" s="98" t="s">
        <v>11</v>
      </c>
      <c r="I135" s="72" t="s">
        <v>23</v>
      </c>
      <c r="J135" s="114"/>
      <c r="L135" s="69"/>
    </row>
    <row r="136" spans="2:12" ht="16.149999999999999" customHeight="1">
      <c r="B136" s="76"/>
      <c r="C136" s="130"/>
      <c r="D136" s="130"/>
      <c r="E136" s="84"/>
      <c r="F136" s="89"/>
      <c r="G136" s="210"/>
      <c r="H136" s="96"/>
      <c r="I136" s="222"/>
      <c r="J136" s="236"/>
      <c r="L136" s="67"/>
    </row>
    <row r="137" spans="2:12" ht="16.149999999999999" customHeight="1">
      <c r="B137" s="74"/>
      <c r="C137" s="166"/>
      <c r="D137" s="81" t="s">
        <v>259</v>
      </c>
      <c r="E137" s="85">
        <v>500</v>
      </c>
      <c r="F137" s="90" t="s">
        <v>5</v>
      </c>
      <c r="G137" s="211"/>
      <c r="H137" s="99"/>
      <c r="I137" s="223"/>
      <c r="J137" s="237"/>
      <c r="L137" s="67"/>
    </row>
    <row r="138" spans="2:12" ht="16.149999999999999" customHeight="1">
      <c r="B138" s="76"/>
      <c r="C138" s="130"/>
      <c r="D138" s="157"/>
      <c r="E138" s="84"/>
      <c r="F138" s="89"/>
      <c r="G138" s="215"/>
      <c r="H138" s="100"/>
      <c r="I138" s="133"/>
      <c r="J138" s="135"/>
      <c r="L138" s="67"/>
    </row>
    <row r="139" spans="2:12" ht="16.149999999999999" customHeight="1">
      <c r="B139" s="74"/>
      <c r="C139" s="166" t="s">
        <v>42</v>
      </c>
      <c r="D139" s="81"/>
      <c r="E139" s="85"/>
      <c r="F139" s="90"/>
      <c r="G139" s="215"/>
      <c r="H139" s="100"/>
      <c r="I139" s="225"/>
      <c r="J139" s="135"/>
      <c r="L139" s="67"/>
    </row>
    <row r="140" spans="2:12" ht="15.6" customHeight="1">
      <c r="B140" s="71"/>
      <c r="C140" s="130"/>
      <c r="D140" s="130"/>
      <c r="E140" s="84"/>
      <c r="F140" s="89"/>
      <c r="G140" s="214"/>
      <c r="H140" s="96"/>
      <c r="I140" s="224"/>
      <c r="J140" s="121"/>
      <c r="L140" s="67"/>
    </row>
    <row r="141" spans="2:12" ht="16.149999999999999" customHeight="1">
      <c r="B141" s="76"/>
      <c r="C141" s="81"/>
      <c r="D141" s="81"/>
      <c r="E141" s="85"/>
      <c r="F141" s="90"/>
      <c r="G141" s="215"/>
      <c r="H141" s="100"/>
      <c r="I141" s="228"/>
      <c r="J141" s="135"/>
      <c r="L141" s="67"/>
    </row>
    <row r="142" spans="2:12" ht="16.149999999999999" customHeight="1">
      <c r="B142" s="71" t="s">
        <v>168</v>
      </c>
      <c r="C142" s="130" t="s">
        <v>316</v>
      </c>
      <c r="D142" s="130" t="s">
        <v>357</v>
      </c>
      <c r="E142" s="84"/>
      <c r="F142" s="89"/>
      <c r="G142" s="212"/>
      <c r="H142" s="96"/>
      <c r="I142" s="224"/>
      <c r="J142" s="121"/>
      <c r="L142" s="67"/>
    </row>
    <row r="143" spans="2:12" ht="16.149999999999999" customHeight="1">
      <c r="B143" s="74" t="s">
        <v>28</v>
      </c>
      <c r="C143" s="81"/>
      <c r="D143" s="81" t="s">
        <v>358</v>
      </c>
      <c r="E143" s="85">
        <v>1</v>
      </c>
      <c r="F143" s="90" t="s">
        <v>40</v>
      </c>
      <c r="G143" s="213"/>
      <c r="H143" s="99"/>
      <c r="I143" s="224"/>
      <c r="J143" s="122"/>
      <c r="L143" s="67"/>
    </row>
    <row r="144" spans="2:12" ht="16.149999999999999" customHeight="1">
      <c r="B144" s="71"/>
      <c r="C144" s="130"/>
      <c r="D144" s="157"/>
      <c r="E144" s="84"/>
      <c r="F144" s="89"/>
      <c r="G144" s="212"/>
      <c r="H144" s="96"/>
      <c r="I144" s="105"/>
      <c r="J144" s="120"/>
      <c r="L144" s="67"/>
    </row>
    <row r="145" spans="2:12" ht="16.149999999999999" customHeight="1">
      <c r="B145" s="74"/>
      <c r="C145" s="166"/>
      <c r="D145" s="174"/>
      <c r="E145" s="85"/>
      <c r="F145" s="90"/>
      <c r="G145" s="213"/>
      <c r="H145" s="99"/>
      <c r="I145" s="107"/>
      <c r="J145" s="119"/>
      <c r="L145" s="67"/>
    </row>
    <row r="146" spans="2:12" ht="16.149999999999999" customHeight="1">
      <c r="B146" s="71"/>
      <c r="C146" s="171"/>
      <c r="D146" s="192"/>
      <c r="E146" s="84"/>
      <c r="F146" s="89"/>
      <c r="G146" s="212"/>
      <c r="H146" s="96"/>
      <c r="I146" s="105"/>
      <c r="J146" s="120"/>
      <c r="L146" s="67"/>
    </row>
    <row r="147" spans="2:12" ht="16.149999999999999" customHeight="1">
      <c r="B147" s="74"/>
      <c r="C147" s="166"/>
      <c r="D147" s="174"/>
      <c r="E147" s="85"/>
      <c r="F147" s="90"/>
      <c r="G147" s="213"/>
      <c r="H147" s="99"/>
      <c r="I147" s="107"/>
      <c r="J147" s="119"/>
      <c r="L147" s="67"/>
    </row>
    <row r="148" spans="2:12" ht="16.149999999999999" customHeight="1">
      <c r="B148" s="76"/>
      <c r="C148" s="172"/>
      <c r="D148" s="155"/>
      <c r="E148" s="86"/>
      <c r="F148" s="183"/>
      <c r="G148" s="215"/>
      <c r="H148" s="100"/>
      <c r="I148" s="108"/>
      <c r="J148" s="118"/>
      <c r="L148" s="67"/>
    </row>
    <row r="149" spans="2:12" ht="16.149999999999999" customHeight="1">
      <c r="B149" s="74"/>
      <c r="C149" s="143"/>
      <c r="D149" s="143"/>
      <c r="E149" s="85"/>
      <c r="F149" s="90"/>
      <c r="G149" s="213"/>
      <c r="H149" s="99"/>
      <c r="I149" s="107"/>
      <c r="J149" s="119"/>
      <c r="L149" s="67"/>
    </row>
    <row r="150" spans="2:12" ht="16.149999999999999" customHeight="1">
      <c r="B150" s="71"/>
      <c r="C150" s="169"/>
      <c r="D150" s="130"/>
      <c r="E150" s="84"/>
      <c r="F150" s="89"/>
      <c r="G150" s="215"/>
      <c r="H150" s="100"/>
      <c r="I150" s="133"/>
      <c r="J150" s="135"/>
      <c r="L150" s="67"/>
    </row>
    <row r="151" spans="2:12" ht="16.149999999999999" customHeight="1">
      <c r="B151" s="74"/>
      <c r="C151" s="170"/>
      <c r="D151" s="81"/>
      <c r="E151" s="85"/>
      <c r="F151" s="90"/>
      <c r="G151" s="215"/>
      <c r="H151" s="100"/>
      <c r="I151" s="133"/>
      <c r="J151" s="135"/>
      <c r="L151" s="67"/>
    </row>
    <row r="152" spans="2:12" ht="16.149999999999999" customHeight="1">
      <c r="B152" s="71"/>
      <c r="C152" s="130"/>
      <c r="D152" s="130"/>
      <c r="E152" s="84"/>
      <c r="F152" s="89"/>
      <c r="G152" s="214"/>
      <c r="H152" s="96"/>
      <c r="I152" s="110"/>
      <c r="J152" s="121"/>
      <c r="L152" s="67"/>
    </row>
    <row r="153" spans="2:12" ht="16.149999999999999" customHeight="1">
      <c r="B153" s="74"/>
      <c r="C153" s="81"/>
      <c r="D153" s="81"/>
      <c r="E153" s="85"/>
      <c r="F153" s="90"/>
      <c r="G153" s="213"/>
      <c r="H153" s="99"/>
      <c r="I153" s="106"/>
      <c r="J153" s="122"/>
      <c r="L153" s="67"/>
    </row>
    <row r="154" spans="2:12" ht="16.149999999999999" customHeight="1">
      <c r="B154" s="76"/>
      <c r="C154" s="130"/>
      <c r="D154" s="157"/>
      <c r="E154" s="84"/>
      <c r="F154" s="89"/>
      <c r="G154" s="214"/>
      <c r="H154" s="96"/>
      <c r="I154" s="108"/>
      <c r="J154" s="121"/>
      <c r="L154" s="67"/>
    </row>
    <row r="155" spans="2:12" ht="16.149999999999999" customHeight="1">
      <c r="B155" s="74"/>
      <c r="C155" s="81"/>
      <c r="D155" s="81"/>
      <c r="E155" s="85"/>
      <c r="F155" s="90"/>
      <c r="G155" s="213"/>
      <c r="H155" s="99"/>
      <c r="I155" s="106"/>
      <c r="J155" s="122"/>
      <c r="L155" s="67"/>
    </row>
    <row r="156" spans="2:12" s="70" customFormat="1" ht="16.149999999999999" customHeight="1">
      <c r="B156" s="73"/>
      <c r="C156" s="130"/>
      <c r="D156" s="157"/>
      <c r="E156" s="86"/>
      <c r="F156" s="89"/>
      <c r="G156" s="214"/>
      <c r="H156" s="96"/>
      <c r="I156" s="110"/>
      <c r="J156" s="121"/>
      <c r="K156" s="65"/>
      <c r="L156" s="67"/>
    </row>
    <row r="157" spans="2:12" s="70" customFormat="1" ht="16.149999999999999" customHeight="1">
      <c r="B157" s="74"/>
      <c r="C157" s="81"/>
      <c r="D157" s="81"/>
      <c r="E157" s="85"/>
      <c r="F157" s="90"/>
      <c r="G157" s="213"/>
      <c r="H157" s="99"/>
      <c r="I157" s="106"/>
      <c r="J157" s="122"/>
      <c r="K157" s="65"/>
      <c r="L157" s="67"/>
    </row>
    <row r="158" spans="2:12" s="70" customFormat="1" ht="16.149999999999999" customHeight="1">
      <c r="B158" s="76"/>
      <c r="C158" s="130"/>
      <c r="D158" s="130"/>
      <c r="E158" s="84"/>
      <c r="F158" s="89"/>
      <c r="G158" s="214"/>
      <c r="H158" s="96"/>
      <c r="I158" s="224"/>
      <c r="J158" s="121"/>
      <c r="K158" s="65"/>
      <c r="L158" s="67"/>
    </row>
    <row r="159" spans="2:12" s="70" customFormat="1" ht="16.149999999999999" customHeight="1">
      <c r="B159" s="74"/>
      <c r="C159" s="173"/>
      <c r="D159" s="81"/>
      <c r="E159" s="85"/>
      <c r="F159" s="90"/>
      <c r="G159" s="213"/>
      <c r="H159" s="99"/>
      <c r="I159" s="106"/>
      <c r="J159" s="122"/>
      <c r="K159" s="65"/>
      <c r="L159" s="67"/>
    </row>
    <row r="160" spans="2:12" s="70" customFormat="1" ht="16.149999999999999" customHeight="1">
      <c r="B160" s="73"/>
      <c r="C160" s="130"/>
      <c r="D160" s="157"/>
      <c r="E160" s="84"/>
      <c r="F160" s="89"/>
      <c r="G160" s="214"/>
      <c r="H160" s="96"/>
      <c r="I160" s="110"/>
      <c r="J160" s="121"/>
      <c r="K160" s="65"/>
      <c r="L160" s="67"/>
    </row>
    <row r="161" spans="2:12" s="70" customFormat="1" ht="16.149999999999999" customHeight="1">
      <c r="B161" s="74"/>
      <c r="C161" s="81"/>
      <c r="D161" s="81"/>
      <c r="E161" s="85"/>
      <c r="F161" s="90"/>
      <c r="G161" s="213"/>
      <c r="H161" s="99"/>
      <c r="I161" s="106"/>
      <c r="J161" s="122"/>
      <c r="K161" s="65"/>
      <c r="L161" s="67"/>
    </row>
    <row r="162" spans="2:12" s="70" customFormat="1" ht="16.149999999999999" customHeight="1">
      <c r="B162" s="75"/>
      <c r="C162" s="130"/>
      <c r="D162" s="130"/>
      <c r="E162" s="84"/>
      <c r="F162" s="89"/>
      <c r="G162" s="214"/>
      <c r="H162" s="96"/>
      <c r="I162" s="224"/>
      <c r="J162" s="124"/>
      <c r="K162" s="65"/>
      <c r="L162" s="67"/>
    </row>
    <row r="163" spans="2:12" s="70" customFormat="1" ht="16.149999999999999" customHeight="1">
      <c r="B163" s="129"/>
      <c r="C163" s="81"/>
      <c r="D163" s="81"/>
      <c r="E163" s="85"/>
      <c r="F163" s="90"/>
      <c r="G163" s="213"/>
      <c r="H163" s="99"/>
      <c r="I163" s="228"/>
      <c r="J163" s="125"/>
      <c r="K163" s="65"/>
      <c r="L163" s="67"/>
    </row>
    <row r="164" spans="2:12" s="70" customFormat="1" ht="16.149999999999999" customHeight="1">
      <c r="B164" s="75"/>
      <c r="C164" s="130"/>
      <c r="D164" s="130"/>
      <c r="E164" s="84"/>
      <c r="F164" s="89"/>
      <c r="G164" s="214"/>
      <c r="H164" s="96"/>
      <c r="I164" s="224"/>
      <c r="J164" s="124"/>
      <c r="K164" s="65"/>
      <c r="L164" s="67"/>
    </row>
    <row r="165" spans="2:12" s="70" customFormat="1" ht="16.149999999999999" customHeight="1">
      <c r="B165" s="129"/>
      <c r="C165" s="166"/>
      <c r="D165" s="81"/>
      <c r="E165" s="85"/>
      <c r="F165" s="90"/>
      <c r="G165" s="213"/>
      <c r="H165" s="99"/>
      <c r="I165" s="228"/>
      <c r="J165" s="125"/>
      <c r="K165" s="65"/>
      <c r="L165" s="67"/>
    </row>
    <row r="166" spans="2:12" ht="21" customHeight="1">
      <c r="B166" s="65" t="s">
        <v>21</v>
      </c>
      <c r="G166" s="207"/>
    </row>
    <row r="167" spans="2:12" ht="25.5" customHeight="1">
      <c r="B167" s="71" t="s">
        <v>366</v>
      </c>
      <c r="C167" s="77" t="s">
        <v>135</v>
      </c>
      <c r="D167" s="77"/>
      <c r="E167" s="82"/>
      <c r="F167" s="87"/>
      <c r="G167" s="208"/>
      <c r="H167" s="97"/>
      <c r="I167" s="101"/>
      <c r="J167" s="113"/>
    </row>
    <row r="168" spans="2:12" s="67" customFormat="1" ht="24" customHeight="1">
      <c r="B168" s="72" t="s">
        <v>9</v>
      </c>
      <c r="C168" s="72" t="s">
        <v>73</v>
      </c>
      <c r="D168" s="114"/>
      <c r="E168" s="83" t="s">
        <v>20</v>
      </c>
      <c r="F168" s="88" t="s">
        <v>26</v>
      </c>
      <c r="G168" s="209" t="s">
        <v>30</v>
      </c>
      <c r="H168" s="98" t="s">
        <v>11</v>
      </c>
      <c r="I168" s="72" t="s">
        <v>23</v>
      </c>
      <c r="J168" s="114"/>
      <c r="L168" s="69"/>
    </row>
    <row r="169" spans="2:12" ht="16.149999999999999" customHeight="1">
      <c r="B169" s="71"/>
      <c r="C169" s="71"/>
      <c r="D169" s="154"/>
      <c r="E169" s="84"/>
      <c r="F169" s="80"/>
      <c r="G169" s="210"/>
      <c r="H169" s="96"/>
      <c r="I169" s="105"/>
      <c r="J169" s="118"/>
      <c r="L169" s="67"/>
    </row>
    <row r="170" spans="2:12" ht="16.149999999999999" customHeight="1">
      <c r="B170" s="143" t="s">
        <v>142</v>
      </c>
      <c r="C170" s="143"/>
      <c r="D170" s="143"/>
      <c r="E170" s="85"/>
      <c r="F170" s="90"/>
      <c r="G170" s="211"/>
      <c r="H170" s="99"/>
      <c r="I170" s="106"/>
      <c r="J170" s="119"/>
      <c r="L170" s="67"/>
    </row>
    <row r="171" spans="2:12" ht="16.149999999999999" customHeight="1">
      <c r="B171" s="76"/>
      <c r="C171" s="71"/>
      <c r="D171" s="71"/>
      <c r="E171" s="84"/>
      <c r="F171" s="80"/>
      <c r="G171" s="210"/>
      <c r="H171" s="96"/>
      <c r="I171" s="105"/>
      <c r="J171" s="118"/>
      <c r="L171" s="67"/>
    </row>
    <row r="172" spans="2:12" ht="16.149999999999999" customHeight="1">
      <c r="B172" s="74">
        <v>1</v>
      </c>
      <c r="C172" s="143" t="s">
        <v>136</v>
      </c>
      <c r="D172" s="143"/>
      <c r="E172" s="85">
        <v>1</v>
      </c>
      <c r="F172" s="90" t="s">
        <v>40</v>
      </c>
      <c r="G172" s="211"/>
      <c r="H172" s="99"/>
      <c r="I172" s="106"/>
      <c r="J172" s="119"/>
      <c r="L172" s="67"/>
    </row>
    <row r="173" spans="2:12" ht="16.149999999999999" customHeight="1">
      <c r="B173" s="76"/>
      <c r="C173" s="76"/>
      <c r="D173" s="154"/>
      <c r="E173" s="84"/>
      <c r="F173" s="80"/>
      <c r="G173" s="210"/>
      <c r="H173" s="96"/>
      <c r="I173" s="105"/>
      <c r="J173" s="118"/>
      <c r="L173" s="67"/>
    </row>
    <row r="174" spans="2:12" ht="16.149999999999999" customHeight="1">
      <c r="B174" s="74">
        <v>2</v>
      </c>
      <c r="C174" s="74" t="s">
        <v>192</v>
      </c>
      <c r="D174" s="143"/>
      <c r="E174" s="85">
        <v>1</v>
      </c>
      <c r="F174" s="90" t="s">
        <v>40</v>
      </c>
      <c r="G174" s="211"/>
      <c r="H174" s="99"/>
      <c r="I174" s="106"/>
      <c r="J174" s="119"/>
      <c r="L174" s="67"/>
    </row>
    <row r="175" spans="2:12" ht="15.6" customHeight="1">
      <c r="B175" s="76"/>
      <c r="C175" s="73"/>
      <c r="D175" s="80"/>
      <c r="E175" s="84"/>
      <c r="F175" s="80"/>
      <c r="G175" s="210"/>
      <c r="H175" s="96"/>
      <c r="I175" s="105"/>
      <c r="J175" s="118"/>
      <c r="L175" s="67"/>
    </row>
    <row r="176" spans="2:12" ht="16.149999999999999" customHeight="1">
      <c r="B176" s="74">
        <v>3</v>
      </c>
      <c r="C176" s="74" t="s">
        <v>150</v>
      </c>
      <c r="D176" s="81"/>
      <c r="E176" s="85">
        <v>1</v>
      </c>
      <c r="F176" s="90" t="s">
        <v>40</v>
      </c>
      <c r="G176" s="211"/>
      <c r="H176" s="99"/>
      <c r="I176" s="106"/>
      <c r="J176" s="119"/>
      <c r="L176" s="67"/>
    </row>
    <row r="177" spans="2:12" ht="16.149999999999999" customHeight="1">
      <c r="B177" s="71"/>
      <c r="C177" s="73"/>
      <c r="D177" s="80"/>
      <c r="E177" s="84"/>
      <c r="F177" s="80"/>
      <c r="G177" s="212"/>
      <c r="H177" s="96"/>
      <c r="I177" s="105"/>
      <c r="J177" s="120"/>
      <c r="L177" s="67"/>
    </row>
    <row r="178" spans="2:12" ht="16.149999999999999" customHeight="1">
      <c r="B178" s="74">
        <v>4</v>
      </c>
      <c r="C178" s="74" t="s">
        <v>153</v>
      </c>
      <c r="D178" s="81"/>
      <c r="E178" s="85">
        <v>1</v>
      </c>
      <c r="F178" s="90" t="s">
        <v>40</v>
      </c>
      <c r="G178" s="213"/>
      <c r="H178" s="99"/>
      <c r="I178" s="106"/>
      <c r="J178" s="119"/>
      <c r="L178" s="67"/>
    </row>
    <row r="179" spans="2:12" ht="16.149999999999999" customHeight="1">
      <c r="B179" s="71"/>
      <c r="C179" s="154"/>
      <c r="D179" s="130"/>
      <c r="E179" s="84"/>
      <c r="F179" s="80"/>
      <c r="G179" s="210"/>
      <c r="H179" s="96"/>
      <c r="I179" s="105"/>
      <c r="J179" s="118"/>
      <c r="L179" s="67"/>
    </row>
    <row r="180" spans="2:12" ht="16.149999999999999" customHeight="1">
      <c r="B180" s="143">
        <v>5</v>
      </c>
      <c r="C180" s="143" t="s">
        <v>354</v>
      </c>
      <c r="D180" s="81"/>
      <c r="E180" s="85">
        <v>1</v>
      </c>
      <c r="F180" s="90" t="s">
        <v>40</v>
      </c>
      <c r="G180" s="211"/>
      <c r="H180" s="99"/>
      <c r="I180" s="106"/>
      <c r="J180" s="119"/>
      <c r="L180" s="67"/>
    </row>
    <row r="181" spans="2:12" ht="16.149999999999999" customHeight="1">
      <c r="B181" s="71"/>
      <c r="C181" s="73"/>
      <c r="D181" s="153"/>
      <c r="E181" s="84"/>
      <c r="F181" s="91"/>
      <c r="G181" s="210"/>
      <c r="H181" s="96"/>
      <c r="I181" s="105"/>
      <c r="J181" s="118"/>
      <c r="L181" s="67"/>
    </row>
    <row r="182" spans="2:12" ht="16.149999999999999" customHeight="1">
      <c r="B182" s="143">
        <v>6</v>
      </c>
      <c r="C182" s="74" t="s">
        <v>351</v>
      </c>
      <c r="D182" s="156"/>
      <c r="E182" s="85">
        <v>1</v>
      </c>
      <c r="F182" s="90" t="s">
        <v>40</v>
      </c>
      <c r="G182" s="211"/>
      <c r="H182" s="99"/>
      <c r="I182" s="106"/>
      <c r="J182" s="119"/>
      <c r="L182" s="67"/>
    </row>
    <row r="183" spans="2:12" ht="16.149999999999999" customHeight="1">
      <c r="B183" s="71"/>
      <c r="C183" s="73"/>
      <c r="D183" s="130"/>
      <c r="E183" s="84"/>
      <c r="F183" s="91"/>
      <c r="G183" s="212"/>
      <c r="H183" s="96"/>
      <c r="I183" s="105"/>
      <c r="J183" s="120"/>
      <c r="L183" s="67"/>
    </row>
    <row r="184" spans="2:12" ht="16.149999999999999" customHeight="1">
      <c r="B184" s="74">
        <v>7</v>
      </c>
      <c r="C184" s="74" t="s">
        <v>352</v>
      </c>
      <c r="D184" s="81"/>
      <c r="E184" s="85">
        <v>1</v>
      </c>
      <c r="F184" s="90" t="s">
        <v>40</v>
      </c>
      <c r="G184" s="213"/>
      <c r="H184" s="99"/>
      <c r="I184" s="106"/>
      <c r="J184" s="119"/>
      <c r="L184" s="67"/>
    </row>
    <row r="185" spans="2:12" ht="16.149999999999999" customHeight="1">
      <c r="B185" s="76"/>
      <c r="C185" s="130"/>
      <c r="D185" s="154"/>
      <c r="E185" s="84"/>
      <c r="F185" s="91"/>
      <c r="G185" s="214"/>
      <c r="H185" s="96"/>
      <c r="I185" s="105"/>
      <c r="J185" s="120"/>
      <c r="L185" s="67"/>
    </row>
    <row r="186" spans="2:12" ht="16.149999999999999" customHeight="1">
      <c r="B186" s="74">
        <v>8</v>
      </c>
      <c r="C186" s="81" t="s">
        <v>386</v>
      </c>
      <c r="D186" s="143"/>
      <c r="E186" s="85">
        <v>1</v>
      </c>
      <c r="F186" s="90" t="s">
        <v>40</v>
      </c>
      <c r="G186" s="213"/>
      <c r="H186" s="99"/>
      <c r="I186" s="106"/>
      <c r="J186" s="119"/>
      <c r="L186" s="67"/>
    </row>
    <row r="187" spans="2:12" s="70" customFormat="1" ht="16.149999999999999" customHeight="1">
      <c r="B187" s="76"/>
      <c r="C187" s="152"/>
      <c r="D187" s="130"/>
      <c r="E187" s="84"/>
      <c r="F187" s="80"/>
      <c r="G187" s="215"/>
      <c r="H187" s="100"/>
      <c r="I187" s="108"/>
      <c r="J187" s="118"/>
      <c r="K187" s="65"/>
      <c r="L187" s="67"/>
    </row>
    <row r="188" spans="2:12" s="70" customFormat="1" ht="16.149999999999999" customHeight="1">
      <c r="B188" s="74"/>
      <c r="C188" s="143"/>
      <c r="D188" s="81"/>
      <c r="E188" s="85"/>
      <c r="F188" s="90"/>
      <c r="G188" s="213"/>
      <c r="H188" s="99"/>
      <c r="I188" s="107"/>
      <c r="J188" s="118"/>
      <c r="K188" s="65"/>
      <c r="L188" s="67"/>
    </row>
    <row r="189" spans="2:12" s="70" customFormat="1" ht="16.149999999999999" customHeight="1">
      <c r="B189" s="71"/>
      <c r="C189" s="153"/>
      <c r="D189" s="152"/>
      <c r="E189" s="84"/>
      <c r="F189" s="80"/>
      <c r="G189" s="214"/>
      <c r="H189" s="96"/>
      <c r="I189" s="110"/>
      <c r="J189" s="121"/>
      <c r="K189" s="65"/>
      <c r="L189" s="67"/>
    </row>
    <row r="190" spans="2:12" s="70" customFormat="1" ht="16.149999999999999" customHeight="1">
      <c r="B190" s="74"/>
      <c r="C190" s="156"/>
      <c r="D190" s="143"/>
      <c r="E190" s="85"/>
      <c r="F190" s="90"/>
      <c r="G190" s="213"/>
      <c r="H190" s="99"/>
      <c r="I190" s="106"/>
      <c r="J190" s="122"/>
      <c r="K190" s="65"/>
      <c r="L190" s="67"/>
    </row>
    <row r="191" spans="2:12" s="70" customFormat="1" ht="16.149999999999999" customHeight="1">
      <c r="B191" s="71"/>
      <c r="C191" s="153"/>
      <c r="D191" s="153"/>
      <c r="E191" s="84"/>
      <c r="F191" s="89"/>
      <c r="G191" s="215"/>
      <c r="H191" s="100"/>
      <c r="I191" s="133"/>
      <c r="J191" s="135"/>
      <c r="K191" s="65"/>
      <c r="L191" s="67"/>
    </row>
    <row r="192" spans="2:12" s="70" customFormat="1" ht="16.149999999999999" customHeight="1">
      <c r="B192" s="74"/>
      <c r="C192" s="156"/>
      <c r="D192" s="156"/>
      <c r="E192" s="85"/>
      <c r="F192" s="90"/>
      <c r="G192" s="215"/>
      <c r="H192" s="100"/>
      <c r="I192" s="133"/>
      <c r="J192" s="135"/>
      <c r="K192" s="65"/>
      <c r="L192" s="67"/>
    </row>
    <row r="193" spans="2:12" s="70" customFormat="1" ht="16.149999999999999" customHeight="1">
      <c r="B193" s="73"/>
      <c r="C193" s="157"/>
      <c r="D193" s="194"/>
      <c r="E193" s="84"/>
      <c r="F193" s="89"/>
      <c r="G193" s="214"/>
      <c r="H193" s="96"/>
      <c r="I193" s="110"/>
      <c r="J193" s="121"/>
      <c r="K193" s="65"/>
      <c r="L193" s="67"/>
    </row>
    <row r="194" spans="2:12" s="70" customFormat="1" ht="16.149999999999999" customHeight="1">
      <c r="B194" s="74"/>
      <c r="C194" s="157"/>
      <c r="D194" s="194"/>
      <c r="E194" s="85"/>
      <c r="F194" s="90"/>
      <c r="G194" s="213"/>
      <c r="H194" s="99"/>
      <c r="I194" s="106"/>
      <c r="J194" s="122"/>
      <c r="K194" s="65"/>
      <c r="L194" s="67"/>
    </row>
    <row r="195" spans="2:12" s="70" customFormat="1" ht="16.149999999999999" customHeight="1">
      <c r="B195" s="71"/>
      <c r="C195" s="169"/>
      <c r="D195" s="130"/>
      <c r="E195" s="84"/>
      <c r="F195" s="89"/>
      <c r="G195" s="214"/>
      <c r="H195" s="96"/>
      <c r="I195" s="110"/>
      <c r="J195" s="121"/>
      <c r="K195" s="65"/>
      <c r="L195" s="67"/>
    </row>
    <row r="196" spans="2:12" s="70" customFormat="1" ht="16.149999999999999" customHeight="1">
      <c r="B196" s="74"/>
      <c r="C196" s="166"/>
      <c r="D196" s="81"/>
      <c r="E196" s="85"/>
      <c r="F196" s="90"/>
      <c r="G196" s="213"/>
      <c r="H196" s="99"/>
      <c r="I196" s="106"/>
      <c r="J196" s="122"/>
      <c r="K196" s="65"/>
      <c r="L196" s="67"/>
    </row>
    <row r="197" spans="2:12" s="70" customFormat="1" ht="16.149999999999999" customHeight="1">
      <c r="B197" s="75"/>
      <c r="C197" s="80"/>
      <c r="D197" s="80"/>
      <c r="E197" s="84"/>
      <c r="F197" s="89"/>
      <c r="G197" s="214"/>
      <c r="H197" s="96"/>
      <c r="I197" s="110"/>
      <c r="J197" s="124"/>
      <c r="K197" s="65"/>
      <c r="L197" s="67"/>
    </row>
    <row r="198" spans="2:12" s="70" customFormat="1" ht="16.149999999999999" customHeight="1">
      <c r="B198" s="129" t="s">
        <v>41</v>
      </c>
      <c r="C198" s="174"/>
      <c r="D198" s="174"/>
      <c r="E198" s="85"/>
      <c r="F198" s="90"/>
      <c r="G198" s="213"/>
      <c r="H198" s="99"/>
      <c r="I198" s="106"/>
      <c r="J198" s="125"/>
      <c r="K198" s="65"/>
      <c r="L198" s="67"/>
    </row>
    <row r="199" spans="2:12" ht="21" customHeight="1">
      <c r="B199" s="65" t="s">
        <v>21</v>
      </c>
      <c r="G199" s="207"/>
    </row>
    <row r="200" spans="2:12" ht="25.5" customHeight="1">
      <c r="B200" s="71" t="s">
        <v>366</v>
      </c>
      <c r="C200" s="77" t="s">
        <v>135</v>
      </c>
      <c r="D200" s="77"/>
      <c r="E200" s="82"/>
      <c r="F200" s="87"/>
      <c r="G200" s="208"/>
      <c r="H200" s="97"/>
      <c r="I200" s="101"/>
      <c r="J200" s="113"/>
    </row>
    <row r="201" spans="2:12" s="67" customFormat="1" ht="24" customHeight="1">
      <c r="B201" s="72" t="s">
        <v>9</v>
      </c>
      <c r="C201" s="72" t="s">
        <v>73</v>
      </c>
      <c r="D201" s="114"/>
      <c r="E201" s="83" t="s">
        <v>20</v>
      </c>
      <c r="F201" s="88" t="s">
        <v>26</v>
      </c>
      <c r="G201" s="209" t="s">
        <v>30</v>
      </c>
      <c r="H201" s="98" t="s">
        <v>11</v>
      </c>
      <c r="I201" s="72" t="s">
        <v>23</v>
      </c>
      <c r="J201" s="114"/>
      <c r="L201" s="69"/>
    </row>
    <row r="202" spans="2:12" ht="16.149999999999999" customHeight="1">
      <c r="B202" s="71"/>
      <c r="C202" s="71"/>
      <c r="D202" s="154"/>
      <c r="E202" s="84"/>
      <c r="F202" s="80"/>
      <c r="G202" s="210"/>
      <c r="H202" s="96"/>
      <c r="I202" s="105"/>
      <c r="J202" s="118"/>
      <c r="L202" s="67"/>
    </row>
    <row r="203" spans="2:12" ht="16.149999999999999" customHeight="1">
      <c r="B203" s="143" t="s">
        <v>140</v>
      </c>
      <c r="C203" s="143"/>
      <c r="D203" s="143"/>
      <c r="E203" s="85"/>
      <c r="F203" s="90"/>
      <c r="G203" s="211"/>
      <c r="H203" s="99"/>
      <c r="I203" s="106"/>
      <c r="J203" s="119"/>
      <c r="L203" s="67"/>
    </row>
    <row r="204" spans="2:12" ht="16.149999999999999" customHeight="1">
      <c r="B204" s="71"/>
      <c r="C204" s="80" t="s">
        <v>65</v>
      </c>
      <c r="D204" s="71"/>
      <c r="E204" s="84"/>
      <c r="F204" s="80"/>
      <c r="G204" s="210"/>
      <c r="H204" s="96"/>
      <c r="I204" s="222"/>
      <c r="J204" s="236"/>
      <c r="L204" s="67"/>
    </row>
    <row r="205" spans="2:12" ht="16.149999999999999" customHeight="1">
      <c r="B205" s="143" t="s">
        <v>56</v>
      </c>
      <c r="C205" s="143"/>
      <c r="D205" s="143"/>
      <c r="E205" s="85">
        <v>135.44999999999999</v>
      </c>
      <c r="F205" s="90" t="s">
        <v>5</v>
      </c>
      <c r="G205" s="211"/>
      <c r="H205" s="99"/>
      <c r="I205" s="106"/>
      <c r="J205" s="119"/>
      <c r="L205" s="67"/>
    </row>
    <row r="206" spans="2:12" ht="16.149999999999999" customHeight="1">
      <c r="B206" s="76"/>
      <c r="C206" s="80" t="s">
        <v>103</v>
      </c>
      <c r="D206" s="76"/>
      <c r="E206" s="84"/>
      <c r="F206" s="80"/>
      <c r="G206" s="210"/>
      <c r="H206" s="96"/>
      <c r="I206" s="105"/>
      <c r="J206" s="118"/>
      <c r="L206" s="67"/>
    </row>
    <row r="207" spans="2:12" ht="16.149999999999999" customHeight="1">
      <c r="B207" s="74"/>
      <c r="C207" s="81" t="s">
        <v>43</v>
      </c>
      <c r="D207" s="74"/>
      <c r="E207" s="85">
        <v>135.44999999999999</v>
      </c>
      <c r="F207" s="90" t="s">
        <v>5</v>
      </c>
      <c r="G207" s="211"/>
      <c r="H207" s="99"/>
      <c r="I207" s="107"/>
      <c r="J207" s="119"/>
      <c r="L207" s="67"/>
    </row>
    <row r="208" spans="2:12" ht="15.6" customHeight="1">
      <c r="B208" s="76"/>
      <c r="C208" s="73" t="s">
        <v>72</v>
      </c>
      <c r="D208" s="76"/>
      <c r="E208" s="84"/>
      <c r="F208" s="80"/>
      <c r="G208" s="210"/>
      <c r="H208" s="96"/>
      <c r="I208" s="105"/>
      <c r="J208" s="118"/>
      <c r="L208" s="67"/>
    </row>
    <row r="209" spans="2:12" ht="16.149999999999999" customHeight="1">
      <c r="B209" s="74"/>
      <c r="C209" s="74" t="s">
        <v>25</v>
      </c>
      <c r="D209" s="74"/>
      <c r="E209" s="85">
        <v>135.44999999999999</v>
      </c>
      <c r="F209" s="90" t="s">
        <v>5</v>
      </c>
      <c r="G209" s="211"/>
      <c r="H209" s="99"/>
      <c r="I209" s="106"/>
      <c r="J209" s="119"/>
      <c r="L209" s="67"/>
    </row>
    <row r="210" spans="2:12" ht="16.149999999999999" customHeight="1">
      <c r="B210" s="71"/>
      <c r="C210" s="80" t="s">
        <v>65</v>
      </c>
      <c r="D210" s="71"/>
      <c r="E210" s="84"/>
      <c r="F210" s="80"/>
      <c r="G210" s="210"/>
      <c r="H210" s="96"/>
      <c r="I210" s="222"/>
      <c r="J210" s="236"/>
      <c r="L210" s="67"/>
    </row>
    <row r="211" spans="2:12" ht="16.149999999999999" customHeight="1">
      <c r="B211" s="143" t="s">
        <v>94</v>
      </c>
      <c r="C211" s="143"/>
      <c r="D211" s="143"/>
      <c r="E211" s="85">
        <v>67.040000000000006</v>
      </c>
      <c r="F211" s="90" t="s">
        <v>5</v>
      </c>
      <c r="G211" s="211"/>
      <c r="H211" s="99"/>
      <c r="I211" s="106"/>
      <c r="J211" s="119"/>
      <c r="L211" s="67"/>
    </row>
    <row r="212" spans="2:12" ht="16.149999999999999" customHeight="1">
      <c r="B212" s="71"/>
      <c r="C212" s="80" t="s">
        <v>103</v>
      </c>
      <c r="D212" s="71"/>
      <c r="E212" s="84"/>
      <c r="F212" s="80"/>
      <c r="G212" s="210"/>
      <c r="H212" s="96"/>
      <c r="I212" s="105"/>
      <c r="J212" s="118"/>
      <c r="L212" s="67"/>
    </row>
    <row r="213" spans="2:12" ht="16.149999999999999" customHeight="1">
      <c r="B213" s="143"/>
      <c r="C213" s="81" t="s">
        <v>43</v>
      </c>
      <c r="D213" s="143"/>
      <c r="E213" s="85">
        <v>67.040000000000006</v>
      </c>
      <c r="F213" s="90" t="s">
        <v>5</v>
      </c>
      <c r="G213" s="211"/>
      <c r="H213" s="99"/>
      <c r="I213" s="106"/>
      <c r="J213" s="119"/>
      <c r="L213" s="67"/>
    </row>
    <row r="214" spans="2:12" ht="16.149999999999999" customHeight="1">
      <c r="B214" s="71"/>
      <c r="C214" s="73" t="s">
        <v>72</v>
      </c>
      <c r="D214" s="71"/>
      <c r="E214" s="84"/>
      <c r="F214" s="80"/>
      <c r="G214" s="210"/>
      <c r="H214" s="96"/>
      <c r="I214" s="105"/>
      <c r="J214" s="118"/>
      <c r="L214" s="67"/>
    </row>
    <row r="215" spans="2:12" ht="16.149999999999999" customHeight="1">
      <c r="B215" s="74"/>
      <c r="C215" s="74" t="s">
        <v>25</v>
      </c>
      <c r="D215" s="74"/>
      <c r="E215" s="85">
        <v>67.040000000000006</v>
      </c>
      <c r="F215" s="90" t="s">
        <v>5</v>
      </c>
      <c r="G215" s="211"/>
      <c r="H215" s="99"/>
      <c r="I215" s="106"/>
      <c r="J215" s="119"/>
      <c r="L215" s="67"/>
    </row>
    <row r="216" spans="2:12" ht="16.149999999999999" customHeight="1">
      <c r="B216" s="71"/>
      <c r="C216" s="130"/>
      <c r="D216" s="71"/>
      <c r="E216" s="84"/>
      <c r="F216" s="80"/>
      <c r="G216" s="212"/>
      <c r="H216" s="96"/>
      <c r="I216" s="105"/>
      <c r="J216" s="120"/>
      <c r="L216" s="67"/>
    </row>
    <row r="217" spans="2:12" ht="16.149999999999999" customHeight="1">
      <c r="B217" s="74"/>
      <c r="C217" s="166" t="s">
        <v>42</v>
      </c>
      <c r="D217" s="74"/>
      <c r="E217" s="85"/>
      <c r="F217" s="90"/>
      <c r="G217" s="213"/>
      <c r="H217" s="99"/>
      <c r="I217" s="106"/>
      <c r="J217" s="119"/>
      <c r="L217" s="67"/>
    </row>
    <row r="218" spans="2:12" ht="16.149999999999999" customHeight="1">
      <c r="B218" s="76"/>
      <c r="C218" s="130"/>
      <c r="D218" s="130"/>
      <c r="E218" s="84"/>
      <c r="F218" s="80"/>
      <c r="G218" s="214"/>
      <c r="H218" s="96"/>
      <c r="I218" s="105"/>
      <c r="J218" s="120"/>
      <c r="L218" s="67"/>
    </row>
    <row r="219" spans="2:12" ht="16.149999999999999" customHeight="1">
      <c r="B219" s="74" t="s">
        <v>178</v>
      </c>
      <c r="C219" s="166"/>
      <c r="D219" s="81"/>
      <c r="E219" s="85"/>
      <c r="F219" s="90"/>
      <c r="G219" s="213"/>
      <c r="H219" s="99"/>
      <c r="I219" s="106"/>
      <c r="J219" s="119"/>
      <c r="L219" s="67"/>
    </row>
    <row r="220" spans="2:12" s="70" customFormat="1" ht="16.149999999999999" customHeight="1">
      <c r="B220" s="71"/>
      <c r="C220" s="80" t="s">
        <v>65</v>
      </c>
      <c r="D220" s="71"/>
      <c r="E220" s="84"/>
      <c r="F220" s="80"/>
      <c r="G220" s="216"/>
      <c r="H220" s="100"/>
      <c r="I220" s="222"/>
      <c r="J220" s="236"/>
      <c r="K220" s="65"/>
      <c r="L220" s="67"/>
    </row>
    <row r="221" spans="2:12" s="70" customFormat="1" ht="16.149999999999999" customHeight="1">
      <c r="B221" s="143" t="s">
        <v>56</v>
      </c>
      <c r="C221" s="143"/>
      <c r="D221" s="143"/>
      <c r="E221" s="85">
        <v>84.72</v>
      </c>
      <c r="F221" s="90" t="s">
        <v>5</v>
      </c>
      <c r="G221" s="211"/>
      <c r="H221" s="99"/>
      <c r="I221" s="106"/>
      <c r="J221" s="119"/>
      <c r="K221" s="65"/>
      <c r="L221" s="67"/>
    </row>
    <row r="222" spans="2:12" s="70" customFormat="1" ht="16.149999999999999" customHeight="1">
      <c r="B222" s="76"/>
      <c r="C222" s="80" t="s">
        <v>103</v>
      </c>
      <c r="D222" s="154"/>
      <c r="E222" s="84"/>
      <c r="F222" s="80"/>
      <c r="G222" s="216"/>
      <c r="H222" s="100"/>
      <c r="I222" s="110"/>
      <c r="J222" s="121"/>
      <c r="K222" s="65"/>
      <c r="L222" s="67"/>
    </row>
    <row r="223" spans="2:12" s="70" customFormat="1" ht="16.149999999999999" customHeight="1">
      <c r="B223" s="74"/>
      <c r="C223" s="81" t="s">
        <v>43</v>
      </c>
      <c r="D223" s="143"/>
      <c r="E223" s="85">
        <v>84.72</v>
      </c>
      <c r="F223" s="90" t="s">
        <v>5</v>
      </c>
      <c r="G223" s="211"/>
      <c r="H223" s="99"/>
      <c r="I223" s="106"/>
      <c r="J223" s="122"/>
      <c r="K223" s="65"/>
      <c r="L223" s="67"/>
    </row>
    <row r="224" spans="2:12" s="70" customFormat="1" ht="16.149999999999999" customHeight="1">
      <c r="B224" s="76"/>
      <c r="C224" s="73" t="s">
        <v>72</v>
      </c>
      <c r="D224" s="80"/>
      <c r="E224" s="84"/>
      <c r="F224" s="80"/>
      <c r="G224" s="216"/>
      <c r="H224" s="100"/>
      <c r="I224" s="133"/>
      <c r="J224" s="135"/>
      <c r="K224" s="65"/>
      <c r="L224" s="67"/>
    </row>
    <row r="225" spans="2:12" s="70" customFormat="1" ht="16.149999999999999" customHeight="1">
      <c r="B225" s="74"/>
      <c r="C225" s="74" t="s">
        <v>25</v>
      </c>
      <c r="D225" s="81"/>
      <c r="E225" s="85">
        <v>84.72</v>
      </c>
      <c r="F225" s="90" t="s">
        <v>5</v>
      </c>
      <c r="G225" s="211"/>
      <c r="H225" s="99"/>
      <c r="I225" s="133"/>
      <c r="J225" s="135"/>
      <c r="K225" s="65"/>
      <c r="L225" s="67"/>
    </row>
    <row r="226" spans="2:12" s="70" customFormat="1" ht="16.149999999999999" customHeight="1">
      <c r="B226" s="71"/>
      <c r="C226" s="80" t="s">
        <v>65</v>
      </c>
      <c r="D226" s="194"/>
      <c r="E226" s="84"/>
      <c r="F226" s="80"/>
      <c r="G226" s="216"/>
      <c r="H226" s="100"/>
      <c r="I226" s="222"/>
      <c r="J226" s="236"/>
      <c r="K226" s="65"/>
      <c r="L226" s="67"/>
    </row>
    <row r="227" spans="2:12" s="70" customFormat="1" ht="16.149999999999999" customHeight="1">
      <c r="B227" s="143" t="s">
        <v>94</v>
      </c>
      <c r="C227" s="143"/>
      <c r="D227" s="194"/>
      <c r="E227" s="85">
        <v>40.28</v>
      </c>
      <c r="F227" s="90" t="s">
        <v>5</v>
      </c>
      <c r="G227" s="211"/>
      <c r="H227" s="99"/>
      <c r="I227" s="106"/>
      <c r="J227" s="119"/>
      <c r="K227" s="65"/>
      <c r="L227" s="67"/>
    </row>
    <row r="228" spans="2:12" s="70" customFormat="1" ht="16.149999999999999" customHeight="1">
      <c r="B228" s="71"/>
      <c r="C228" s="80" t="s">
        <v>103</v>
      </c>
      <c r="D228" s="130"/>
      <c r="E228" s="84"/>
      <c r="F228" s="80"/>
      <c r="G228" s="216"/>
      <c r="H228" s="100"/>
      <c r="I228" s="110"/>
      <c r="J228" s="121"/>
      <c r="K228" s="65"/>
      <c r="L228" s="67"/>
    </row>
    <row r="229" spans="2:12" s="70" customFormat="1" ht="16.149999999999999" customHeight="1">
      <c r="B229" s="74"/>
      <c r="C229" s="81" t="s">
        <v>43</v>
      </c>
      <c r="D229" s="81"/>
      <c r="E229" s="85">
        <v>40.28</v>
      </c>
      <c r="F229" s="90" t="s">
        <v>5</v>
      </c>
      <c r="G229" s="211"/>
      <c r="H229" s="99"/>
      <c r="I229" s="106"/>
      <c r="J229" s="122"/>
      <c r="K229" s="65"/>
      <c r="L229" s="67"/>
    </row>
    <row r="230" spans="2:12" s="70" customFormat="1" ht="16.149999999999999" customHeight="1">
      <c r="B230" s="75"/>
      <c r="C230" s="73" t="s">
        <v>72</v>
      </c>
      <c r="D230" s="80"/>
      <c r="E230" s="84"/>
      <c r="F230" s="80"/>
      <c r="G230" s="216"/>
      <c r="H230" s="100"/>
      <c r="I230" s="110"/>
      <c r="J230" s="124"/>
      <c r="K230" s="65"/>
      <c r="L230" s="67"/>
    </row>
    <row r="231" spans="2:12" s="70" customFormat="1" ht="16.149999999999999" customHeight="1">
      <c r="B231" s="74"/>
      <c r="C231" s="74" t="s">
        <v>25</v>
      </c>
      <c r="D231" s="174"/>
      <c r="E231" s="85">
        <v>40.28</v>
      </c>
      <c r="F231" s="90" t="s">
        <v>5</v>
      </c>
      <c r="G231" s="211"/>
      <c r="H231" s="99"/>
      <c r="I231" s="106"/>
      <c r="J231" s="125"/>
      <c r="K231" s="65"/>
      <c r="L231" s="67"/>
    </row>
    <row r="232" spans="2:12" ht="21" customHeight="1">
      <c r="B232" s="65" t="s">
        <v>21</v>
      </c>
      <c r="G232" s="207"/>
    </row>
    <row r="233" spans="2:12" ht="25.5" customHeight="1">
      <c r="B233" s="71" t="s">
        <v>366</v>
      </c>
      <c r="C233" s="77" t="str">
        <v>科目名称　３.残置構造物解体撤去</v>
      </c>
      <c r="D233" s="77"/>
      <c r="E233" s="82"/>
      <c r="F233" s="87"/>
      <c r="G233" s="208"/>
      <c r="H233" s="97"/>
      <c r="I233" s="101"/>
      <c r="J233" s="113"/>
    </row>
    <row r="234" spans="2:12" s="67" customFormat="1" ht="24" customHeight="1">
      <c r="B234" s="72" t="s">
        <v>9</v>
      </c>
      <c r="C234" s="72" t="s">
        <v>73</v>
      </c>
      <c r="D234" s="114"/>
      <c r="E234" s="83" t="s">
        <v>20</v>
      </c>
      <c r="F234" s="88" t="s">
        <v>26</v>
      </c>
      <c r="G234" s="209" t="s">
        <v>30</v>
      </c>
      <c r="H234" s="98" t="s">
        <v>11</v>
      </c>
      <c r="I234" s="72" t="s">
        <v>23</v>
      </c>
      <c r="J234" s="114"/>
      <c r="L234" s="69"/>
    </row>
    <row r="235" spans="2:12" ht="16.149999999999999" customHeight="1">
      <c r="B235" s="71"/>
      <c r="C235" s="130"/>
      <c r="D235" s="154"/>
      <c r="E235" s="84"/>
      <c r="F235" s="80"/>
      <c r="G235" s="210"/>
      <c r="H235" s="96"/>
      <c r="I235" s="105"/>
      <c r="J235" s="118"/>
      <c r="L235" s="67"/>
    </row>
    <row r="236" spans="2:12" ht="16.149999999999999" customHeight="1">
      <c r="B236" s="74"/>
      <c r="C236" s="166" t="s">
        <v>42</v>
      </c>
      <c r="D236" s="143"/>
      <c r="E236" s="85"/>
      <c r="F236" s="90"/>
      <c r="G236" s="211"/>
      <c r="H236" s="99"/>
      <c r="I236" s="106"/>
      <c r="J236" s="119"/>
      <c r="L236" s="67"/>
    </row>
    <row r="237" spans="2:12" ht="16.149999999999999" customHeight="1">
      <c r="B237" s="144"/>
      <c r="C237" s="73"/>
      <c r="D237" s="80"/>
      <c r="E237" s="201"/>
      <c r="F237" s="89"/>
      <c r="G237" s="210"/>
      <c r="H237" s="96"/>
      <c r="I237" s="105"/>
      <c r="J237" s="118"/>
      <c r="L237" s="67"/>
    </row>
    <row r="238" spans="2:12" ht="16.149999999999999" customHeight="1">
      <c r="B238" s="74" t="s">
        <v>144</v>
      </c>
      <c r="C238" s="74"/>
      <c r="D238" s="81"/>
      <c r="E238" s="85"/>
      <c r="F238" s="204"/>
      <c r="G238" s="211"/>
      <c r="H238" s="99"/>
      <c r="I238" s="106"/>
      <c r="J238" s="119"/>
      <c r="L238" s="67"/>
    </row>
    <row r="239" spans="2:12" ht="16.149999999999999" customHeight="1">
      <c r="B239" s="71"/>
      <c r="C239" s="80" t="s">
        <v>65</v>
      </c>
      <c r="D239" s="80" t="s">
        <v>138</v>
      </c>
      <c r="E239" s="201"/>
      <c r="F239" s="89"/>
      <c r="G239" s="210"/>
      <c r="H239" s="100"/>
      <c r="I239" s="222"/>
      <c r="J239" s="236"/>
      <c r="L239" s="67"/>
    </row>
    <row r="240" spans="2:12" ht="16.149999999999999" customHeight="1">
      <c r="B240" s="143" t="s">
        <v>56</v>
      </c>
      <c r="C240" s="143"/>
      <c r="D240" s="81"/>
      <c r="E240" s="85">
        <v>27.81</v>
      </c>
      <c r="F240" s="204" t="s">
        <v>5</v>
      </c>
      <c r="G240" s="211"/>
      <c r="H240" s="99"/>
      <c r="I240" s="106"/>
      <c r="J240" s="119"/>
      <c r="L240" s="67"/>
    </row>
    <row r="241" spans="2:12" ht="15.6" customHeight="1">
      <c r="B241" s="76"/>
      <c r="C241" s="80" t="s">
        <v>103</v>
      </c>
      <c r="D241" s="80"/>
      <c r="E241" s="201"/>
      <c r="F241" s="89"/>
      <c r="G241" s="210"/>
      <c r="H241" s="100"/>
      <c r="I241" s="105"/>
      <c r="J241" s="118"/>
      <c r="L241" s="67"/>
    </row>
    <row r="242" spans="2:12" ht="16.149999999999999" customHeight="1">
      <c r="B242" s="74"/>
      <c r="C242" s="81" t="s">
        <v>43</v>
      </c>
      <c r="D242" s="81"/>
      <c r="E242" s="85">
        <v>27.81</v>
      </c>
      <c r="F242" s="204" t="s">
        <v>5</v>
      </c>
      <c r="G242" s="211"/>
      <c r="H242" s="99"/>
      <c r="I242" s="106"/>
      <c r="J242" s="119"/>
      <c r="L242" s="67"/>
    </row>
    <row r="243" spans="2:12" ht="16.149999999999999" customHeight="1">
      <c r="B243" s="76"/>
      <c r="C243" s="73" t="s">
        <v>72</v>
      </c>
      <c r="D243" s="80"/>
      <c r="E243" s="201"/>
      <c r="F243" s="89"/>
      <c r="G243" s="210"/>
      <c r="H243" s="100"/>
      <c r="I243" s="105"/>
      <c r="J243" s="120"/>
      <c r="L243" s="67"/>
    </row>
    <row r="244" spans="2:12" ht="16.149999999999999" customHeight="1">
      <c r="B244" s="74"/>
      <c r="C244" s="74" t="s">
        <v>25</v>
      </c>
      <c r="D244" s="81"/>
      <c r="E244" s="85">
        <v>27.81</v>
      </c>
      <c r="F244" s="204" t="s">
        <v>5</v>
      </c>
      <c r="G244" s="211"/>
      <c r="H244" s="99"/>
      <c r="I244" s="106"/>
      <c r="J244" s="119"/>
      <c r="L244" s="67"/>
    </row>
    <row r="245" spans="2:12" ht="16.149999999999999" customHeight="1">
      <c r="B245" s="71"/>
      <c r="C245" s="80" t="s">
        <v>65</v>
      </c>
      <c r="D245" s="80" t="s">
        <v>147</v>
      </c>
      <c r="E245" s="201"/>
      <c r="F245" s="89"/>
      <c r="G245" s="210"/>
      <c r="H245" s="100"/>
      <c r="I245" s="222"/>
      <c r="J245" s="236"/>
      <c r="L245" s="67"/>
    </row>
    <row r="246" spans="2:12" ht="16.149999999999999" customHeight="1">
      <c r="B246" s="143"/>
      <c r="C246" s="143"/>
      <c r="D246" s="81"/>
      <c r="E246" s="85">
        <v>44.09</v>
      </c>
      <c r="F246" s="204" t="s">
        <v>5</v>
      </c>
      <c r="G246" s="211"/>
      <c r="H246" s="99"/>
      <c r="I246" s="106"/>
      <c r="J246" s="119"/>
      <c r="L246" s="67"/>
    </row>
    <row r="247" spans="2:12" ht="16.149999999999999" customHeight="1">
      <c r="B247" s="76"/>
      <c r="C247" s="80" t="s">
        <v>103</v>
      </c>
      <c r="D247" s="80"/>
      <c r="E247" s="201"/>
      <c r="F247" s="89"/>
      <c r="G247" s="210"/>
      <c r="H247" s="100"/>
      <c r="I247" s="105"/>
      <c r="J247" s="118"/>
      <c r="L247" s="67"/>
    </row>
    <row r="248" spans="2:12" ht="16.149999999999999" customHeight="1">
      <c r="B248" s="74"/>
      <c r="C248" s="81" t="s">
        <v>43</v>
      </c>
      <c r="D248" s="81"/>
      <c r="E248" s="85">
        <v>44.09</v>
      </c>
      <c r="F248" s="204" t="s">
        <v>5</v>
      </c>
      <c r="G248" s="211"/>
      <c r="H248" s="99"/>
      <c r="I248" s="106"/>
      <c r="J248" s="119"/>
      <c r="L248" s="67"/>
    </row>
    <row r="249" spans="2:12" ht="16.149999999999999" customHeight="1">
      <c r="B249" s="76"/>
      <c r="C249" s="73" t="s">
        <v>72</v>
      </c>
      <c r="D249" s="80"/>
      <c r="E249" s="201"/>
      <c r="F249" s="89"/>
      <c r="G249" s="210"/>
      <c r="H249" s="100"/>
      <c r="I249" s="105"/>
      <c r="J249" s="120"/>
      <c r="L249" s="67"/>
    </row>
    <row r="250" spans="2:12" ht="16.149999999999999" customHeight="1">
      <c r="B250" s="74"/>
      <c r="C250" s="74" t="s">
        <v>25</v>
      </c>
      <c r="D250" s="81"/>
      <c r="E250" s="85">
        <v>44.09</v>
      </c>
      <c r="F250" s="204" t="s">
        <v>5</v>
      </c>
      <c r="G250" s="211"/>
      <c r="H250" s="99"/>
      <c r="I250" s="106"/>
      <c r="J250" s="119"/>
      <c r="L250" s="67"/>
    </row>
    <row r="251" spans="2:12" ht="16.149999999999999" customHeight="1">
      <c r="B251" s="71"/>
      <c r="C251" s="80" t="s">
        <v>65</v>
      </c>
      <c r="D251" s="80" t="s">
        <v>147</v>
      </c>
      <c r="E251" s="201"/>
      <c r="F251" s="89"/>
      <c r="G251" s="210"/>
      <c r="H251" s="100"/>
      <c r="I251" s="222"/>
      <c r="J251" s="236"/>
      <c r="L251" s="67"/>
    </row>
    <row r="252" spans="2:12" ht="16.149999999999999" customHeight="1">
      <c r="B252" s="143" t="s">
        <v>146</v>
      </c>
      <c r="C252" s="143"/>
      <c r="D252" s="81"/>
      <c r="E252" s="85">
        <v>49.6</v>
      </c>
      <c r="F252" s="204" t="s">
        <v>5</v>
      </c>
      <c r="G252" s="211"/>
      <c r="H252" s="99"/>
      <c r="I252" s="106"/>
      <c r="J252" s="119"/>
      <c r="L252" s="67"/>
    </row>
    <row r="253" spans="2:12" s="70" customFormat="1" ht="16.149999999999999" customHeight="1">
      <c r="B253" s="71"/>
      <c r="C253" s="80" t="s">
        <v>103</v>
      </c>
      <c r="D253" s="80"/>
      <c r="E253" s="201"/>
      <c r="F253" s="89"/>
      <c r="G253" s="210"/>
      <c r="H253" s="100"/>
      <c r="I253" s="108"/>
      <c r="J253" s="118"/>
      <c r="K253" s="65"/>
      <c r="L253" s="67"/>
    </row>
    <row r="254" spans="2:12" s="70" customFormat="1" ht="16.149999999999999" customHeight="1">
      <c r="B254" s="143"/>
      <c r="C254" s="81" t="s">
        <v>43</v>
      </c>
      <c r="D254" s="81"/>
      <c r="E254" s="85">
        <v>49.6</v>
      </c>
      <c r="F254" s="204" t="s">
        <v>5</v>
      </c>
      <c r="G254" s="211"/>
      <c r="H254" s="99"/>
      <c r="I254" s="107"/>
      <c r="J254" s="118"/>
      <c r="K254" s="65"/>
      <c r="L254" s="67"/>
    </row>
    <row r="255" spans="2:12" s="70" customFormat="1" ht="16.149999999999999" customHeight="1">
      <c r="B255" s="76"/>
      <c r="C255" s="73" t="s">
        <v>72</v>
      </c>
      <c r="D255" s="80"/>
      <c r="E255" s="201"/>
      <c r="F255" s="89"/>
      <c r="G255" s="210"/>
      <c r="H255" s="100"/>
      <c r="I255" s="110"/>
      <c r="J255" s="121"/>
      <c r="K255" s="65"/>
      <c r="L255" s="67"/>
    </row>
    <row r="256" spans="2:12" s="70" customFormat="1" ht="16.149999999999999" customHeight="1">
      <c r="B256" s="74"/>
      <c r="C256" s="74" t="s">
        <v>25</v>
      </c>
      <c r="D256" s="81"/>
      <c r="E256" s="85">
        <v>49.6</v>
      </c>
      <c r="F256" s="204" t="s">
        <v>5</v>
      </c>
      <c r="G256" s="211"/>
      <c r="H256" s="99"/>
      <c r="I256" s="106"/>
      <c r="J256" s="122"/>
      <c r="K256" s="65"/>
      <c r="L256" s="67"/>
    </row>
    <row r="257" spans="2:12" s="70" customFormat="1" ht="16.149999999999999" customHeight="1">
      <c r="B257" s="71"/>
      <c r="C257" s="80" t="s">
        <v>65</v>
      </c>
      <c r="D257" s="80" t="s">
        <v>138</v>
      </c>
      <c r="E257" s="201"/>
      <c r="F257" s="89"/>
      <c r="G257" s="210"/>
      <c r="H257" s="100"/>
      <c r="I257" s="222"/>
      <c r="J257" s="236"/>
      <c r="K257" s="65"/>
      <c r="L257" s="67"/>
    </row>
    <row r="258" spans="2:12" s="70" customFormat="1" ht="16.149999999999999" customHeight="1">
      <c r="B258" s="143" t="s">
        <v>94</v>
      </c>
      <c r="C258" s="143"/>
      <c r="D258" s="81"/>
      <c r="E258" s="85">
        <v>26.15</v>
      </c>
      <c r="F258" s="204" t="s">
        <v>5</v>
      </c>
      <c r="G258" s="211"/>
      <c r="H258" s="99"/>
      <c r="I258" s="106"/>
      <c r="J258" s="119"/>
      <c r="K258" s="65"/>
      <c r="L258" s="67"/>
    </row>
    <row r="259" spans="2:12" s="70" customFormat="1" ht="16.149999999999999" customHeight="1">
      <c r="B259" s="71"/>
      <c r="C259" s="80" t="s">
        <v>103</v>
      </c>
      <c r="D259" s="130"/>
      <c r="E259" s="201"/>
      <c r="F259" s="89"/>
      <c r="G259" s="210"/>
      <c r="H259" s="100"/>
      <c r="I259" s="110"/>
      <c r="J259" s="121"/>
      <c r="K259" s="65"/>
      <c r="L259" s="67"/>
    </row>
    <row r="260" spans="2:12" s="70" customFormat="1" ht="16.149999999999999" customHeight="1">
      <c r="B260" s="74"/>
      <c r="C260" s="81" t="s">
        <v>43</v>
      </c>
      <c r="D260" s="81"/>
      <c r="E260" s="85">
        <v>26.15</v>
      </c>
      <c r="F260" s="204" t="s">
        <v>5</v>
      </c>
      <c r="G260" s="211"/>
      <c r="H260" s="99"/>
      <c r="I260" s="106"/>
      <c r="J260" s="122"/>
      <c r="K260" s="65"/>
      <c r="L260" s="67"/>
    </row>
    <row r="261" spans="2:12" s="70" customFormat="1" ht="16.149999999999999" customHeight="1">
      <c r="B261" s="75"/>
      <c r="C261" s="73" t="s">
        <v>72</v>
      </c>
      <c r="D261" s="80"/>
      <c r="E261" s="201"/>
      <c r="F261" s="89"/>
      <c r="G261" s="210"/>
      <c r="H261" s="100"/>
      <c r="I261" s="110"/>
      <c r="J261" s="121"/>
      <c r="K261" s="65"/>
      <c r="L261" s="67"/>
    </row>
    <row r="262" spans="2:12" s="70" customFormat="1" ht="16.149999999999999" customHeight="1">
      <c r="B262" s="74"/>
      <c r="C262" s="74" t="s">
        <v>25</v>
      </c>
      <c r="D262" s="174"/>
      <c r="E262" s="85">
        <v>26.15</v>
      </c>
      <c r="F262" s="204" t="s">
        <v>5</v>
      </c>
      <c r="G262" s="211"/>
      <c r="H262" s="99"/>
      <c r="I262" s="106"/>
      <c r="J262" s="122"/>
      <c r="K262" s="65"/>
      <c r="L262" s="67"/>
    </row>
    <row r="263" spans="2:12" s="70" customFormat="1" ht="16.149999999999999" customHeight="1">
      <c r="B263" s="71"/>
      <c r="C263" s="80" t="s">
        <v>65</v>
      </c>
      <c r="D263" s="80" t="s">
        <v>138</v>
      </c>
      <c r="E263" s="202"/>
      <c r="F263" s="89"/>
      <c r="G263" s="210"/>
      <c r="H263" s="100"/>
      <c r="I263" s="222"/>
      <c r="J263" s="236"/>
      <c r="K263" s="65"/>
      <c r="L263" s="67"/>
    </row>
    <row r="264" spans="2:12" s="70" customFormat="1" ht="16.149999999999999" customHeight="1">
      <c r="B264" s="143" t="s">
        <v>149</v>
      </c>
      <c r="C264" s="143"/>
      <c r="D264" s="81"/>
      <c r="E264" s="85">
        <v>9.91</v>
      </c>
      <c r="F264" s="204" t="s">
        <v>5</v>
      </c>
      <c r="G264" s="211"/>
      <c r="H264" s="99"/>
      <c r="I264" s="106"/>
      <c r="J264" s="119"/>
      <c r="K264" s="65"/>
      <c r="L264" s="67"/>
    </row>
    <row r="265" spans="2:12" ht="21" customHeight="1">
      <c r="B265" s="65" t="s">
        <v>21</v>
      </c>
      <c r="G265" s="207"/>
    </row>
    <row r="266" spans="2:12" ht="25.5" customHeight="1">
      <c r="B266" s="71" t="s">
        <v>366</v>
      </c>
      <c r="C266" s="77" t="str">
        <v>科目名称　３.残置構造物解体撤去</v>
      </c>
      <c r="D266" s="77"/>
      <c r="E266" s="82"/>
      <c r="F266" s="87"/>
      <c r="G266" s="208"/>
      <c r="H266" s="97"/>
      <c r="I266" s="101"/>
      <c r="J266" s="113"/>
    </row>
    <row r="267" spans="2:12" s="67" customFormat="1" ht="24" customHeight="1">
      <c r="B267" s="72" t="s">
        <v>9</v>
      </c>
      <c r="C267" s="72" t="s">
        <v>73</v>
      </c>
      <c r="D267" s="114"/>
      <c r="E267" s="83" t="s">
        <v>20</v>
      </c>
      <c r="F267" s="88" t="s">
        <v>26</v>
      </c>
      <c r="G267" s="209" t="s">
        <v>30</v>
      </c>
      <c r="H267" s="98" t="s">
        <v>11</v>
      </c>
      <c r="I267" s="72" t="s">
        <v>23</v>
      </c>
      <c r="J267" s="114"/>
      <c r="L267" s="69"/>
    </row>
    <row r="268" spans="2:12" ht="16.149999999999999" customHeight="1">
      <c r="B268" s="144"/>
      <c r="C268" s="80" t="s">
        <v>103</v>
      </c>
      <c r="D268" s="80"/>
      <c r="E268" s="202"/>
      <c r="F268" s="89"/>
      <c r="G268" s="210"/>
      <c r="H268" s="100"/>
      <c r="I268" s="105"/>
      <c r="J268" s="118"/>
      <c r="L268" s="67"/>
    </row>
    <row r="269" spans="2:12" ht="16.149999999999999" customHeight="1">
      <c r="B269" s="74"/>
      <c r="C269" s="81" t="s">
        <v>43</v>
      </c>
      <c r="D269" s="81"/>
      <c r="E269" s="85">
        <v>9.91</v>
      </c>
      <c r="F269" s="204" t="s">
        <v>5</v>
      </c>
      <c r="G269" s="211"/>
      <c r="H269" s="99"/>
      <c r="I269" s="106"/>
      <c r="J269" s="119"/>
      <c r="L269" s="67"/>
    </row>
    <row r="270" spans="2:12" ht="16.149999999999999" customHeight="1">
      <c r="B270" s="71"/>
      <c r="C270" s="73" t="s">
        <v>72</v>
      </c>
      <c r="D270" s="80"/>
      <c r="E270" s="202"/>
      <c r="F270" s="89"/>
      <c r="G270" s="210"/>
      <c r="H270" s="100"/>
      <c r="I270" s="105"/>
      <c r="J270" s="118"/>
      <c r="L270" s="67"/>
    </row>
    <row r="271" spans="2:12" ht="16.149999999999999" customHeight="1">
      <c r="B271" s="74"/>
      <c r="C271" s="74" t="s">
        <v>25</v>
      </c>
      <c r="D271" s="81"/>
      <c r="E271" s="85">
        <v>9.91</v>
      </c>
      <c r="F271" s="204" t="s">
        <v>5</v>
      </c>
      <c r="G271" s="211"/>
      <c r="H271" s="99"/>
      <c r="I271" s="106"/>
      <c r="J271" s="119"/>
      <c r="L271" s="67"/>
    </row>
    <row r="272" spans="2:12" ht="16.149999999999999" customHeight="1">
      <c r="B272" s="142"/>
      <c r="C272" s="130"/>
      <c r="D272" s="80"/>
      <c r="E272" s="201"/>
      <c r="F272" s="89"/>
      <c r="G272" s="210"/>
      <c r="H272" s="96"/>
      <c r="I272" s="105"/>
      <c r="J272" s="118"/>
      <c r="L272" s="67"/>
    </row>
    <row r="273" spans="2:12" ht="16.149999999999999" customHeight="1">
      <c r="B273" s="145"/>
      <c r="C273" s="166" t="s">
        <v>42</v>
      </c>
      <c r="D273" s="81"/>
      <c r="E273" s="85"/>
      <c r="F273" s="204"/>
      <c r="G273" s="211"/>
      <c r="H273" s="99"/>
      <c r="I273" s="107"/>
      <c r="J273" s="119"/>
      <c r="L273" s="67"/>
    </row>
    <row r="274" spans="2:12" ht="15.6" customHeight="1">
      <c r="B274" s="146"/>
      <c r="C274" s="175"/>
      <c r="D274" s="80"/>
      <c r="E274" s="201"/>
      <c r="F274" s="89"/>
      <c r="G274" s="210"/>
      <c r="H274" s="96"/>
      <c r="I274" s="105"/>
      <c r="J274" s="118"/>
      <c r="L274" s="67"/>
    </row>
    <row r="275" spans="2:12" ht="16.149999999999999" customHeight="1">
      <c r="B275" s="145" t="s">
        <v>152</v>
      </c>
      <c r="C275" s="74"/>
      <c r="D275" s="81"/>
      <c r="E275" s="85"/>
      <c r="F275" s="204"/>
      <c r="G275" s="211"/>
      <c r="H275" s="99"/>
      <c r="I275" s="106"/>
      <c r="J275" s="119"/>
      <c r="L275" s="67"/>
    </row>
    <row r="276" spans="2:12" ht="16.149999999999999" customHeight="1">
      <c r="B276" s="71"/>
      <c r="C276" s="80" t="s">
        <v>65</v>
      </c>
      <c r="D276" s="80" t="s">
        <v>138</v>
      </c>
      <c r="E276" s="201"/>
      <c r="F276" s="89"/>
      <c r="G276" s="210"/>
      <c r="H276" s="100"/>
      <c r="I276" s="222"/>
      <c r="J276" s="236"/>
      <c r="L276" s="67"/>
    </row>
    <row r="277" spans="2:12" ht="16.149999999999999" customHeight="1">
      <c r="B277" s="143" t="s">
        <v>56</v>
      </c>
      <c r="C277" s="143"/>
      <c r="D277" s="81"/>
      <c r="E277" s="85">
        <v>44.14</v>
      </c>
      <c r="F277" s="204" t="s">
        <v>5</v>
      </c>
      <c r="G277" s="211"/>
      <c r="H277" s="99"/>
      <c r="I277" s="106"/>
      <c r="J277" s="119"/>
      <c r="L277" s="67"/>
    </row>
    <row r="278" spans="2:12" ht="16.149999999999999" customHeight="1">
      <c r="B278" s="76"/>
      <c r="C278" s="80" t="s">
        <v>103</v>
      </c>
      <c r="D278" s="80"/>
      <c r="E278" s="201"/>
      <c r="F278" s="89"/>
      <c r="G278" s="210"/>
      <c r="H278" s="100"/>
      <c r="I278" s="105"/>
      <c r="J278" s="118"/>
      <c r="L278" s="67"/>
    </row>
    <row r="279" spans="2:12" ht="16.149999999999999" customHeight="1">
      <c r="B279" s="74"/>
      <c r="C279" s="81" t="s">
        <v>43</v>
      </c>
      <c r="D279" s="81"/>
      <c r="E279" s="85">
        <v>44.14</v>
      </c>
      <c r="F279" s="204" t="s">
        <v>5</v>
      </c>
      <c r="G279" s="211"/>
      <c r="H279" s="99"/>
      <c r="I279" s="106"/>
      <c r="J279" s="119"/>
      <c r="L279" s="67"/>
    </row>
    <row r="280" spans="2:12" ht="16.149999999999999" customHeight="1">
      <c r="B280" s="76"/>
      <c r="C280" s="73" t="s">
        <v>72</v>
      </c>
      <c r="D280" s="80"/>
      <c r="E280" s="201"/>
      <c r="F280" s="89"/>
      <c r="G280" s="210"/>
      <c r="H280" s="100"/>
      <c r="I280" s="105"/>
      <c r="J280" s="118"/>
      <c r="L280" s="67"/>
    </row>
    <row r="281" spans="2:12" ht="16.149999999999999" customHeight="1">
      <c r="B281" s="74"/>
      <c r="C281" s="74" t="s">
        <v>25</v>
      </c>
      <c r="D281" s="81"/>
      <c r="E281" s="85">
        <v>44.14</v>
      </c>
      <c r="F281" s="204" t="s">
        <v>5</v>
      </c>
      <c r="G281" s="211"/>
      <c r="H281" s="99"/>
      <c r="I281" s="106"/>
      <c r="J281" s="119"/>
      <c r="L281" s="67"/>
    </row>
    <row r="282" spans="2:12" ht="16.149999999999999" customHeight="1">
      <c r="B282" s="71"/>
      <c r="C282" s="80" t="s">
        <v>65</v>
      </c>
      <c r="D282" s="80" t="s">
        <v>138</v>
      </c>
      <c r="E282" s="201"/>
      <c r="F282" s="89"/>
      <c r="G282" s="210"/>
      <c r="H282" s="100"/>
      <c r="I282" s="222"/>
      <c r="J282" s="236"/>
      <c r="L282" s="67"/>
    </row>
    <row r="283" spans="2:12" ht="16.149999999999999" customHeight="1">
      <c r="B283" s="143" t="s">
        <v>56</v>
      </c>
      <c r="C283" s="143"/>
      <c r="D283" s="81"/>
      <c r="E283" s="85">
        <v>30.15</v>
      </c>
      <c r="F283" s="204" t="s">
        <v>5</v>
      </c>
      <c r="G283" s="211"/>
      <c r="H283" s="99"/>
      <c r="I283" s="106"/>
      <c r="J283" s="119"/>
      <c r="L283" s="67"/>
    </row>
    <row r="284" spans="2:12" ht="16.149999999999999" customHeight="1">
      <c r="B284" s="71"/>
      <c r="C284" s="80" t="s">
        <v>103</v>
      </c>
      <c r="D284" s="130"/>
      <c r="E284" s="201"/>
      <c r="F284" s="89"/>
      <c r="G284" s="210"/>
      <c r="H284" s="100"/>
      <c r="I284" s="105"/>
      <c r="J284" s="120"/>
      <c r="L284" s="67"/>
    </row>
    <row r="285" spans="2:12" ht="16.149999999999999" customHeight="1">
      <c r="B285" s="74"/>
      <c r="C285" s="81" t="s">
        <v>43</v>
      </c>
      <c r="D285" s="81"/>
      <c r="E285" s="85">
        <v>30.15</v>
      </c>
      <c r="F285" s="204" t="s">
        <v>5</v>
      </c>
      <c r="G285" s="211"/>
      <c r="H285" s="99"/>
      <c r="I285" s="106"/>
      <c r="J285" s="119"/>
      <c r="L285" s="67"/>
    </row>
    <row r="286" spans="2:12" s="70" customFormat="1" ht="16.149999999999999" customHeight="1">
      <c r="B286" s="75"/>
      <c r="C286" s="73" t="s">
        <v>72</v>
      </c>
      <c r="D286" s="80"/>
      <c r="E286" s="201"/>
      <c r="F286" s="89"/>
      <c r="G286" s="210"/>
      <c r="H286" s="100"/>
      <c r="I286" s="108"/>
      <c r="J286" s="118"/>
      <c r="K286" s="65"/>
      <c r="L286" s="67"/>
    </row>
    <row r="287" spans="2:12" s="70" customFormat="1" ht="16.149999999999999" customHeight="1">
      <c r="B287" s="74"/>
      <c r="C287" s="74" t="s">
        <v>25</v>
      </c>
      <c r="D287" s="174"/>
      <c r="E287" s="85">
        <v>30.15</v>
      </c>
      <c r="F287" s="204" t="s">
        <v>5</v>
      </c>
      <c r="G287" s="211"/>
      <c r="H287" s="99"/>
      <c r="I287" s="107"/>
      <c r="J287" s="118"/>
      <c r="K287" s="65"/>
      <c r="L287" s="67"/>
    </row>
    <row r="288" spans="2:12" s="70" customFormat="1" ht="16.149999999999999" customHeight="1">
      <c r="B288" s="144"/>
      <c r="C288" s="130"/>
      <c r="D288" s="80"/>
      <c r="E288" s="201"/>
      <c r="F288" s="89"/>
      <c r="G288" s="214"/>
      <c r="H288" s="96"/>
      <c r="I288" s="110"/>
      <c r="J288" s="121"/>
      <c r="K288" s="65"/>
      <c r="L288" s="67"/>
    </row>
    <row r="289" spans="2:12" s="70" customFormat="1" ht="16.149999999999999" customHeight="1">
      <c r="B289" s="147"/>
      <c r="C289" s="166" t="s">
        <v>42</v>
      </c>
      <c r="D289" s="81"/>
      <c r="E289" s="85"/>
      <c r="F289" s="204"/>
      <c r="G289" s="213"/>
      <c r="H289" s="99"/>
      <c r="I289" s="106"/>
      <c r="J289" s="122"/>
      <c r="K289" s="65"/>
      <c r="L289" s="67"/>
    </row>
    <row r="290" spans="2:12" s="70" customFormat="1" ht="16.149999999999999" customHeight="1">
      <c r="B290" s="144"/>
      <c r="C290" s="130"/>
      <c r="D290" s="80"/>
      <c r="E290" s="201"/>
      <c r="F290" s="89"/>
      <c r="G290" s="215"/>
      <c r="H290" s="100"/>
      <c r="I290" s="133"/>
      <c r="J290" s="135"/>
      <c r="K290" s="65"/>
      <c r="L290" s="67"/>
    </row>
    <row r="291" spans="2:12" s="70" customFormat="1" ht="16.149999999999999" customHeight="1">
      <c r="B291" s="147"/>
      <c r="C291" s="166"/>
      <c r="D291" s="81"/>
      <c r="E291" s="85"/>
      <c r="F291" s="204"/>
      <c r="G291" s="215"/>
      <c r="H291" s="100"/>
      <c r="I291" s="133"/>
      <c r="J291" s="135"/>
      <c r="K291" s="65"/>
      <c r="L291" s="67"/>
    </row>
    <row r="292" spans="2:12" s="70" customFormat="1" ht="16.149999999999999" customHeight="1">
      <c r="B292" s="144"/>
      <c r="C292" s="153"/>
      <c r="D292" s="80"/>
      <c r="E292" s="201"/>
      <c r="F292" s="89"/>
      <c r="G292" s="214"/>
      <c r="H292" s="96"/>
      <c r="I292" s="110"/>
      <c r="J292" s="121"/>
      <c r="K292" s="65"/>
      <c r="L292" s="67"/>
    </row>
    <row r="293" spans="2:12" s="70" customFormat="1" ht="16.149999999999999" customHeight="1">
      <c r="B293" s="147" t="s">
        <v>101</v>
      </c>
      <c r="C293" s="156"/>
      <c r="D293" s="81"/>
      <c r="E293" s="85"/>
      <c r="F293" s="204"/>
      <c r="G293" s="213"/>
      <c r="H293" s="99"/>
      <c r="I293" s="106"/>
      <c r="J293" s="122"/>
      <c r="K293" s="65"/>
      <c r="L293" s="67"/>
    </row>
    <row r="294" spans="2:12" s="70" customFormat="1" ht="16.149999999999999" customHeight="1">
      <c r="B294" s="71"/>
      <c r="C294" s="80" t="s">
        <v>65</v>
      </c>
      <c r="D294" s="80" t="s">
        <v>138</v>
      </c>
      <c r="E294" s="201"/>
      <c r="F294" s="89"/>
      <c r="G294" s="210"/>
      <c r="H294" s="100"/>
      <c r="I294" s="222"/>
      <c r="J294" s="236"/>
      <c r="K294" s="65"/>
      <c r="L294" s="67"/>
    </row>
    <row r="295" spans="2:12" s="70" customFormat="1" ht="16.149999999999999" customHeight="1">
      <c r="B295" s="143" t="s">
        <v>56</v>
      </c>
      <c r="C295" s="143"/>
      <c r="D295" s="81"/>
      <c r="E295" s="85">
        <v>16.97</v>
      </c>
      <c r="F295" s="204" t="s">
        <v>5</v>
      </c>
      <c r="G295" s="211"/>
      <c r="H295" s="99"/>
      <c r="I295" s="106"/>
      <c r="J295" s="119"/>
      <c r="K295" s="65"/>
      <c r="L295" s="67"/>
    </row>
    <row r="296" spans="2:12" s="70" customFormat="1" ht="16.149999999999999" customHeight="1">
      <c r="B296" s="76"/>
      <c r="C296" s="80" t="s">
        <v>103</v>
      </c>
      <c r="D296" s="80"/>
      <c r="E296" s="201"/>
      <c r="F296" s="89"/>
      <c r="G296" s="210"/>
      <c r="H296" s="100"/>
      <c r="I296" s="110"/>
      <c r="J296" s="124"/>
      <c r="K296" s="65"/>
      <c r="L296" s="67"/>
    </row>
    <row r="297" spans="2:12" s="70" customFormat="1" ht="16.149999999999999" customHeight="1">
      <c r="B297" s="74"/>
      <c r="C297" s="81" t="s">
        <v>43</v>
      </c>
      <c r="D297" s="81"/>
      <c r="E297" s="85">
        <v>16.97</v>
      </c>
      <c r="F297" s="204" t="s">
        <v>5</v>
      </c>
      <c r="G297" s="211"/>
      <c r="H297" s="99"/>
      <c r="I297" s="106"/>
      <c r="J297" s="125"/>
      <c r="K297" s="65"/>
      <c r="L297" s="67"/>
    </row>
    <row r="298" spans="2:12" ht="21" customHeight="1">
      <c r="B298" s="65" t="s">
        <v>21</v>
      </c>
      <c r="G298" s="207"/>
    </row>
    <row r="299" spans="2:12" ht="25.5" customHeight="1">
      <c r="B299" s="71" t="s">
        <v>366</v>
      </c>
      <c r="C299" s="77" t="str">
        <v>科目名称　３.残置構造物解体撤去</v>
      </c>
      <c r="D299" s="77"/>
      <c r="E299" s="82"/>
      <c r="F299" s="87"/>
      <c r="G299" s="208"/>
      <c r="H299" s="97"/>
      <c r="I299" s="101"/>
      <c r="J299" s="113"/>
    </row>
    <row r="300" spans="2:12" s="67" customFormat="1" ht="24" customHeight="1">
      <c r="B300" s="72" t="s">
        <v>9</v>
      </c>
      <c r="C300" s="72" t="s">
        <v>73</v>
      </c>
      <c r="D300" s="114"/>
      <c r="E300" s="83" t="s">
        <v>20</v>
      </c>
      <c r="F300" s="88" t="s">
        <v>26</v>
      </c>
      <c r="G300" s="209" t="s">
        <v>30</v>
      </c>
      <c r="H300" s="98" t="s">
        <v>11</v>
      </c>
      <c r="I300" s="72" t="s">
        <v>23</v>
      </c>
      <c r="J300" s="114"/>
      <c r="L300" s="69"/>
    </row>
    <row r="301" spans="2:12" ht="16.149999999999999" customHeight="1">
      <c r="B301" s="142"/>
      <c r="C301" s="73" t="s">
        <v>72</v>
      </c>
      <c r="D301" s="80"/>
      <c r="E301" s="201"/>
      <c r="F301" s="89"/>
      <c r="G301" s="210"/>
      <c r="H301" s="100"/>
      <c r="I301" s="105"/>
      <c r="J301" s="118"/>
      <c r="L301" s="67"/>
    </row>
    <row r="302" spans="2:12" ht="16.149999999999999" customHeight="1">
      <c r="B302" s="145"/>
      <c r="C302" s="74" t="s">
        <v>25</v>
      </c>
      <c r="D302" s="143"/>
      <c r="E302" s="85">
        <v>16.97</v>
      </c>
      <c r="F302" s="204" t="s">
        <v>5</v>
      </c>
      <c r="G302" s="211"/>
      <c r="H302" s="99"/>
      <c r="I302" s="106"/>
      <c r="J302" s="119"/>
      <c r="L302" s="67"/>
    </row>
    <row r="303" spans="2:12" ht="16.149999999999999" customHeight="1">
      <c r="B303" s="71"/>
      <c r="C303" s="80" t="s">
        <v>65</v>
      </c>
      <c r="D303" s="80"/>
      <c r="E303" s="80"/>
      <c r="F303" s="89"/>
      <c r="G303" s="210"/>
      <c r="H303" s="100"/>
      <c r="I303" s="222"/>
      <c r="J303" s="236"/>
      <c r="L303" s="67"/>
    </row>
    <row r="304" spans="2:12" ht="16.149999999999999" customHeight="1">
      <c r="B304" s="143" t="s">
        <v>149</v>
      </c>
      <c r="C304" s="143"/>
      <c r="D304" s="81"/>
      <c r="E304" s="81">
        <v>201.97</v>
      </c>
      <c r="F304" s="204" t="s">
        <v>5</v>
      </c>
      <c r="G304" s="211"/>
      <c r="H304" s="99"/>
      <c r="I304" s="106"/>
      <c r="J304" s="119"/>
      <c r="L304" s="67"/>
    </row>
    <row r="305" spans="2:12" ht="16.149999999999999" customHeight="1">
      <c r="B305" s="71"/>
      <c r="C305" s="80" t="s">
        <v>103</v>
      </c>
      <c r="D305" s="73"/>
      <c r="E305" s="80"/>
      <c r="F305" s="89"/>
      <c r="G305" s="210"/>
      <c r="H305" s="100"/>
      <c r="I305" s="105"/>
      <c r="J305" s="118"/>
      <c r="L305" s="67"/>
    </row>
    <row r="306" spans="2:12" ht="16.149999999999999" customHeight="1">
      <c r="B306" s="74"/>
      <c r="C306" s="81" t="s">
        <v>43</v>
      </c>
      <c r="D306" s="74"/>
      <c r="E306" s="81">
        <v>201.97</v>
      </c>
      <c r="F306" s="204" t="s">
        <v>5</v>
      </c>
      <c r="G306" s="211"/>
      <c r="H306" s="99"/>
      <c r="I306" s="107"/>
      <c r="J306" s="119"/>
      <c r="L306" s="67"/>
    </row>
    <row r="307" spans="2:12" ht="15.6" customHeight="1">
      <c r="B307" s="75"/>
      <c r="C307" s="73" t="s">
        <v>72</v>
      </c>
      <c r="D307" s="80"/>
      <c r="E307" s="80"/>
      <c r="F307" s="89"/>
      <c r="G307" s="210"/>
      <c r="H307" s="100"/>
      <c r="I307" s="105"/>
      <c r="J307" s="118"/>
      <c r="L307" s="67"/>
    </row>
    <row r="308" spans="2:12" ht="16.149999999999999" customHeight="1">
      <c r="B308" s="74"/>
      <c r="C308" s="74" t="s">
        <v>25</v>
      </c>
      <c r="D308" s="81"/>
      <c r="E308" s="81">
        <v>201.97</v>
      </c>
      <c r="F308" s="204" t="s">
        <v>5</v>
      </c>
      <c r="G308" s="211"/>
      <c r="H308" s="99"/>
      <c r="I308" s="106"/>
      <c r="J308" s="119"/>
      <c r="L308" s="67"/>
    </row>
    <row r="309" spans="2:12" ht="16.149999999999999" customHeight="1">
      <c r="B309" s="144"/>
      <c r="C309" s="130"/>
      <c r="D309" s="80"/>
      <c r="E309" s="201"/>
      <c r="F309" s="89"/>
      <c r="G309" s="210"/>
      <c r="H309" s="96"/>
      <c r="I309" s="105"/>
      <c r="J309" s="120"/>
      <c r="L309" s="67"/>
    </row>
    <row r="310" spans="2:12" ht="16.149999999999999" customHeight="1">
      <c r="B310" s="147"/>
      <c r="C310" s="166" t="s">
        <v>42</v>
      </c>
      <c r="D310" s="81"/>
      <c r="E310" s="85"/>
      <c r="F310" s="204"/>
      <c r="G310" s="211"/>
      <c r="H310" s="99"/>
      <c r="I310" s="106"/>
      <c r="J310" s="119"/>
      <c r="L310" s="67"/>
    </row>
    <row r="311" spans="2:12" ht="16.149999999999999" customHeight="1">
      <c r="B311" s="148"/>
      <c r="C311" s="73"/>
      <c r="D311" s="80"/>
      <c r="E311" s="201"/>
      <c r="F311" s="89"/>
      <c r="G311" s="210"/>
      <c r="H311" s="96"/>
      <c r="I311" s="105"/>
      <c r="J311" s="118"/>
      <c r="L311" s="67"/>
    </row>
    <row r="312" spans="2:12" ht="16.149999999999999" customHeight="1">
      <c r="B312" s="81"/>
      <c r="C312" s="74"/>
      <c r="D312" s="81"/>
      <c r="E312" s="85"/>
      <c r="F312" s="204"/>
      <c r="G312" s="211"/>
      <c r="H312" s="99"/>
      <c r="I312" s="106"/>
      <c r="J312" s="119"/>
      <c r="L312" s="67"/>
    </row>
    <row r="313" spans="2:12" ht="16.149999999999999" customHeight="1">
      <c r="B313" s="148" t="s">
        <v>156</v>
      </c>
      <c r="C313" s="71"/>
      <c r="D313" s="80"/>
      <c r="E313" s="201"/>
      <c r="F313" s="89"/>
      <c r="G313" s="210"/>
      <c r="H313" s="96"/>
      <c r="I313" s="105"/>
      <c r="J313" s="118"/>
      <c r="L313" s="67"/>
    </row>
    <row r="314" spans="2:12" ht="16.149999999999999" customHeight="1">
      <c r="B314" s="145"/>
      <c r="C314" s="143"/>
      <c r="D314" s="81"/>
      <c r="E314" s="85"/>
      <c r="F314" s="204"/>
      <c r="G314" s="211"/>
      <c r="H314" s="99"/>
      <c r="I314" s="106"/>
      <c r="J314" s="119"/>
      <c r="L314" s="67"/>
    </row>
    <row r="315" spans="2:12" ht="16.149999999999999" customHeight="1">
      <c r="B315" s="71"/>
      <c r="C315" s="80" t="s">
        <v>65</v>
      </c>
      <c r="D315" s="80"/>
      <c r="E315" s="201"/>
      <c r="F315" s="89"/>
      <c r="G315" s="210"/>
      <c r="H315" s="100"/>
      <c r="I315" s="222"/>
      <c r="J315" s="236"/>
      <c r="L315" s="67"/>
    </row>
    <row r="316" spans="2:12" ht="16.149999999999999" customHeight="1">
      <c r="B316" s="143" t="s">
        <v>146</v>
      </c>
      <c r="C316" s="143"/>
      <c r="D316" s="81"/>
      <c r="E316" s="85">
        <v>14.8</v>
      </c>
      <c r="F316" s="204" t="s">
        <v>5</v>
      </c>
      <c r="G316" s="211"/>
      <c r="H316" s="99"/>
      <c r="I316" s="106"/>
      <c r="J316" s="119"/>
      <c r="L316" s="67"/>
    </row>
    <row r="317" spans="2:12" ht="16.149999999999999" customHeight="1">
      <c r="B317" s="144"/>
      <c r="C317" s="80" t="s">
        <v>103</v>
      </c>
      <c r="D317" s="73"/>
      <c r="E317" s="201"/>
      <c r="F317" s="89"/>
      <c r="G317" s="210"/>
      <c r="H317" s="100"/>
      <c r="I317" s="105"/>
      <c r="J317" s="120"/>
      <c r="L317" s="67"/>
    </row>
    <row r="318" spans="2:12" ht="16.149999999999999" customHeight="1">
      <c r="B318" s="147"/>
      <c r="C318" s="81" t="s">
        <v>43</v>
      </c>
      <c r="D318" s="74"/>
      <c r="E318" s="85">
        <v>14.8</v>
      </c>
      <c r="F318" s="204" t="s">
        <v>5</v>
      </c>
      <c r="G318" s="211"/>
      <c r="H318" s="99"/>
      <c r="I318" s="106"/>
      <c r="J318" s="119"/>
      <c r="L318" s="67"/>
    </row>
    <row r="319" spans="2:12" s="70" customFormat="1" ht="16.149999999999999" customHeight="1">
      <c r="B319" s="144"/>
      <c r="C319" s="73" t="s">
        <v>72</v>
      </c>
      <c r="D319" s="80"/>
      <c r="E319" s="201"/>
      <c r="F319" s="89"/>
      <c r="G319" s="210"/>
      <c r="H319" s="100"/>
      <c r="I319" s="108"/>
      <c r="J319" s="118"/>
      <c r="K319" s="65"/>
      <c r="L319" s="67"/>
    </row>
    <row r="320" spans="2:12" s="70" customFormat="1" ht="16.149999999999999" customHeight="1">
      <c r="B320" s="149"/>
      <c r="C320" s="74" t="s">
        <v>25</v>
      </c>
      <c r="D320" s="81"/>
      <c r="E320" s="85">
        <v>14.8</v>
      </c>
      <c r="F320" s="204" t="s">
        <v>5</v>
      </c>
      <c r="G320" s="211"/>
      <c r="H320" s="99"/>
      <c r="I320" s="107"/>
      <c r="J320" s="118"/>
      <c r="K320" s="65"/>
      <c r="L320" s="67"/>
    </row>
    <row r="321" spans="2:12" s="70" customFormat="1" ht="16.149999999999999" customHeight="1">
      <c r="B321" s="71"/>
      <c r="C321" s="80" t="s">
        <v>65</v>
      </c>
      <c r="D321" s="80"/>
      <c r="E321" s="201"/>
      <c r="F321" s="89"/>
      <c r="G321" s="210"/>
      <c r="H321" s="100"/>
      <c r="I321" s="222"/>
      <c r="J321" s="236"/>
      <c r="K321" s="65"/>
      <c r="L321" s="67"/>
    </row>
    <row r="322" spans="2:12" s="70" customFormat="1" ht="16.149999999999999" customHeight="1">
      <c r="B322" s="143" t="s">
        <v>94</v>
      </c>
      <c r="C322" s="143"/>
      <c r="D322" s="81"/>
      <c r="E322" s="85">
        <v>6.14</v>
      </c>
      <c r="F322" s="204" t="s">
        <v>5</v>
      </c>
      <c r="G322" s="211"/>
      <c r="H322" s="99"/>
      <c r="I322" s="106"/>
      <c r="J322" s="119"/>
      <c r="K322" s="65"/>
      <c r="L322" s="67"/>
    </row>
    <row r="323" spans="2:12" s="70" customFormat="1" ht="16.149999999999999" customHeight="1">
      <c r="B323" s="144"/>
      <c r="C323" s="80" t="s">
        <v>103</v>
      </c>
      <c r="D323" s="73"/>
      <c r="E323" s="201"/>
      <c r="F323" s="89"/>
      <c r="G323" s="210"/>
      <c r="H323" s="100"/>
      <c r="I323" s="133"/>
      <c r="J323" s="135"/>
      <c r="K323" s="65"/>
      <c r="L323" s="67"/>
    </row>
    <row r="324" spans="2:12" s="70" customFormat="1" ht="16.149999999999999" customHeight="1">
      <c r="B324" s="147"/>
      <c r="C324" s="81" t="s">
        <v>43</v>
      </c>
      <c r="D324" s="74"/>
      <c r="E324" s="85">
        <v>6.14</v>
      </c>
      <c r="F324" s="204" t="s">
        <v>5</v>
      </c>
      <c r="G324" s="211"/>
      <c r="H324" s="99"/>
      <c r="I324" s="133"/>
      <c r="J324" s="135"/>
      <c r="K324" s="65"/>
      <c r="L324" s="67"/>
    </row>
    <row r="325" spans="2:12" s="70" customFormat="1" ht="16.149999999999999" customHeight="1">
      <c r="B325" s="144"/>
      <c r="C325" s="73" t="s">
        <v>72</v>
      </c>
      <c r="D325" s="80"/>
      <c r="E325" s="201"/>
      <c r="F325" s="89"/>
      <c r="G325" s="210"/>
      <c r="H325" s="100"/>
      <c r="I325" s="110"/>
      <c r="J325" s="121"/>
      <c r="K325" s="65"/>
      <c r="L325" s="67"/>
    </row>
    <row r="326" spans="2:12" s="70" customFormat="1" ht="16.149999999999999" customHeight="1">
      <c r="B326" s="147"/>
      <c r="C326" s="74" t="s">
        <v>25</v>
      </c>
      <c r="D326" s="81"/>
      <c r="E326" s="85">
        <v>6.14</v>
      </c>
      <c r="F326" s="204" t="s">
        <v>5</v>
      </c>
      <c r="G326" s="211"/>
      <c r="H326" s="99"/>
      <c r="I326" s="106"/>
      <c r="J326" s="122"/>
      <c r="K326" s="65"/>
      <c r="L326" s="67"/>
    </row>
    <row r="327" spans="2:12" s="70" customFormat="1" ht="16.149999999999999" customHeight="1">
      <c r="B327" s="71"/>
      <c r="C327" s="80" t="s">
        <v>65</v>
      </c>
      <c r="D327" s="80"/>
      <c r="E327" s="201"/>
      <c r="F327" s="89"/>
      <c r="G327" s="210"/>
      <c r="H327" s="100"/>
      <c r="I327" s="222"/>
      <c r="J327" s="236"/>
      <c r="K327" s="65"/>
      <c r="L327" s="67"/>
    </row>
    <row r="328" spans="2:12" s="70" customFormat="1" ht="16.149999999999999" customHeight="1">
      <c r="B328" s="143" t="s">
        <v>149</v>
      </c>
      <c r="C328" s="143"/>
      <c r="D328" s="81"/>
      <c r="E328" s="85">
        <v>73.84</v>
      </c>
      <c r="F328" s="204" t="s">
        <v>5</v>
      </c>
      <c r="G328" s="211"/>
      <c r="H328" s="99"/>
      <c r="I328" s="106"/>
      <c r="J328" s="119"/>
      <c r="K328" s="65"/>
      <c r="L328" s="67"/>
    </row>
    <row r="329" spans="2:12" s="70" customFormat="1" ht="16.149999999999999" customHeight="1">
      <c r="B329" s="75"/>
      <c r="C329" s="80" t="s">
        <v>103</v>
      </c>
      <c r="D329" s="80"/>
      <c r="E329" s="84"/>
      <c r="F329" s="89"/>
      <c r="G329" s="210"/>
      <c r="H329" s="100"/>
      <c r="I329" s="110"/>
      <c r="J329" s="124"/>
      <c r="K329" s="65"/>
      <c r="L329" s="67"/>
    </row>
    <row r="330" spans="2:12" s="70" customFormat="1" ht="16.149999999999999" customHeight="1">
      <c r="B330" s="129"/>
      <c r="C330" s="81" t="s">
        <v>43</v>
      </c>
      <c r="D330" s="174"/>
      <c r="E330" s="85">
        <v>73.84</v>
      </c>
      <c r="F330" s="204" t="s">
        <v>5</v>
      </c>
      <c r="G330" s="211"/>
      <c r="H330" s="99"/>
      <c r="I330" s="106"/>
      <c r="J330" s="125"/>
      <c r="K330" s="65"/>
      <c r="L330" s="67"/>
    </row>
    <row r="331" spans="2:12" ht="21" customHeight="1">
      <c r="B331" s="65" t="s">
        <v>21</v>
      </c>
      <c r="G331" s="207"/>
    </row>
    <row r="332" spans="2:12" ht="25.5" customHeight="1">
      <c r="B332" s="71" t="s">
        <v>366</v>
      </c>
      <c r="C332" s="77" t="str">
        <v>科目名称　３.残置構造物解体撤去</v>
      </c>
      <c r="D332" s="77"/>
      <c r="E332" s="82"/>
      <c r="F332" s="87"/>
      <c r="G332" s="208"/>
      <c r="H332" s="97"/>
      <c r="I332" s="101"/>
      <c r="J332" s="113"/>
    </row>
    <row r="333" spans="2:12" s="67" customFormat="1" ht="24" customHeight="1">
      <c r="B333" s="72" t="s">
        <v>9</v>
      </c>
      <c r="C333" s="72" t="s">
        <v>73</v>
      </c>
      <c r="D333" s="114"/>
      <c r="E333" s="83" t="s">
        <v>20</v>
      </c>
      <c r="F333" s="88" t="s">
        <v>26</v>
      </c>
      <c r="G333" s="209" t="s">
        <v>30</v>
      </c>
      <c r="H333" s="98" t="s">
        <v>11</v>
      </c>
      <c r="I333" s="72" t="s">
        <v>23</v>
      </c>
      <c r="J333" s="114"/>
      <c r="L333" s="69"/>
    </row>
    <row r="334" spans="2:12" ht="16.149999999999999" customHeight="1">
      <c r="B334" s="71"/>
      <c r="C334" s="73" t="s">
        <v>72</v>
      </c>
      <c r="D334" s="154"/>
      <c r="E334" s="84"/>
      <c r="F334" s="89"/>
      <c r="G334" s="210"/>
      <c r="H334" s="100"/>
      <c r="I334" s="105"/>
      <c r="J334" s="118"/>
      <c r="L334" s="67"/>
    </row>
    <row r="335" spans="2:12" ht="16.149999999999999" customHeight="1">
      <c r="B335" s="74"/>
      <c r="C335" s="74" t="s">
        <v>25</v>
      </c>
      <c r="D335" s="143"/>
      <c r="E335" s="85">
        <v>73.84</v>
      </c>
      <c r="F335" s="204" t="s">
        <v>5</v>
      </c>
      <c r="G335" s="211"/>
      <c r="H335" s="99"/>
      <c r="I335" s="106"/>
      <c r="J335" s="119"/>
      <c r="L335" s="67"/>
    </row>
    <row r="336" spans="2:12" ht="16.149999999999999" customHeight="1">
      <c r="B336" s="144"/>
      <c r="C336" s="130"/>
      <c r="D336" s="80"/>
      <c r="E336" s="201"/>
      <c r="F336" s="89"/>
      <c r="G336" s="210"/>
      <c r="H336" s="96"/>
      <c r="I336" s="105"/>
      <c r="J336" s="118"/>
      <c r="L336" s="67"/>
    </row>
    <row r="337" spans="2:12" ht="16.149999999999999" customHeight="1">
      <c r="B337" s="74"/>
      <c r="C337" s="166" t="s">
        <v>42</v>
      </c>
      <c r="D337" s="81"/>
      <c r="E337" s="85"/>
      <c r="F337" s="204"/>
      <c r="G337" s="211"/>
      <c r="H337" s="99"/>
      <c r="I337" s="106"/>
      <c r="J337" s="119"/>
      <c r="L337" s="67"/>
    </row>
    <row r="338" spans="2:12" ht="16.149999999999999" customHeight="1">
      <c r="B338" s="71"/>
      <c r="C338" s="73"/>
      <c r="D338" s="80"/>
      <c r="E338" s="201"/>
      <c r="F338" s="89"/>
      <c r="G338" s="210"/>
      <c r="H338" s="96"/>
      <c r="I338" s="105"/>
      <c r="J338" s="118"/>
      <c r="L338" s="67"/>
    </row>
    <row r="339" spans="2:12" ht="16.149999999999999" customHeight="1">
      <c r="B339" s="74"/>
      <c r="C339" s="74"/>
      <c r="D339" s="81"/>
      <c r="E339" s="85"/>
      <c r="F339" s="204"/>
      <c r="G339" s="211"/>
      <c r="H339" s="99"/>
      <c r="I339" s="107"/>
      <c r="J339" s="119"/>
      <c r="L339" s="67"/>
    </row>
    <row r="340" spans="2:12" ht="15.6" customHeight="1">
      <c r="B340" s="142" t="s">
        <v>158</v>
      </c>
      <c r="C340" s="71"/>
      <c r="D340" s="80"/>
      <c r="E340" s="80"/>
      <c r="F340" s="201"/>
      <c r="G340" s="212"/>
      <c r="H340" s="96"/>
      <c r="I340" s="105"/>
      <c r="J340" s="118"/>
      <c r="L340" s="67"/>
    </row>
    <row r="341" spans="2:12" ht="16.149999999999999" customHeight="1">
      <c r="B341" s="145"/>
      <c r="C341" s="143"/>
      <c r="D341" s="143"/>
      <c r="E341" s="81"/>
      <c r="F341" s="85"/>
      <c r="G341" s="213"/>
      <c r="H341" s="99"/>
      <c r="I341" s="106"/>
      <c r="J341" s="119"/>
      <c r="L341" s="67"/>
    </row>
    <row r="342" spans="2:12" ht="16.149999999999999" customHeight="1">
      <c r="B342" s="71"/>
      <c r="C342" s="80" t="s">
        <v>65</v>
      </c>
      <c r="D342" s="80"/>
      <c r="E342" s="201"/>
      <c r="F342" s="89"/>
      <c r="G342" s="210"/>
      <c r="H342" s="100"/>
      <c r="I342" s="222"/>
      <c r="J342" s="236"/>
      <c r="L342" s="67"/>
    </row>
    <row r="343" spans="2:12" ht="16.149999999999999" customHeight="1">
      <c r="B343" s="143" t="s">
        <v>94</v>
      </c>
      <c r="C343" s="143"/>
      <c r="D343" s="81"/>
      <c r="E343" s="85">
        <v>25.93</v>
      </c>
      <c r="F343" s="204" t="s">
        <v>5</v>
      </c>
      <c r="G343" s="211"/>
      <c r="H343" s="99"/>
      <c r="I343" s="106"/>
      <c r="J343" s="119"/>
      <c r="L343" s="67"/>
    </row>
    <row r="344" spans="2:12" ht="16.149999999999999" customHeight="1">
      <c r="B344" s="144"/>
      <c r="C344" s="80" t="s">
        <v>103</v>
      </c>
      <c r="D344" s="73"/>
      <c r="E344" s="201"/>
      <c r="F344" s="89"/>
      <c r="G344" s="210"/>
      <c r="H344" s="100"/>
      <c r="I344" s="105"/>
      <c r="J344" s="118"/>
      <c r="L344" s="67"/>
    </row>
    <row r="345" spans="2:12" ht="16.149999999999999" customHeight="1">
      <c r="B345" s="147"/>
      <c r="C345" s="81" t="s">
        <v>43</v>
      </c>
      <c r="D345" s="74"/>
      <c r="E345" s="85">
        <v>25.93</v>
      </c>
      <c r="F345" s="204" t="s">
        <v>5</v>
      </c>
      <c r="G345" s="211"/>
      <c r="H345" s="99"/>
      <c r="I345" s="106"/>
      <c r="J345" s="119"/>
      <c r="L345" s="67"/>
    </row>
    <row r="346" spans="2:12" ht="16.149999999999999" customHeight="1">
      <c r="B346" s="144"/>
      <c r="C346" s="73" t="s">
        <v>72</v>
      </c>
      <c r="D346" s="80"/>
      <c r="E346" s="201"/>
      <c r="F346" s="89"/>
      <c r="G346" s="210"/>
      <c r="H346" s="100"/>
      <c r="I346" s="105"/>
      <c r="J346" s="118"/>
      <c r="L346" s="67"/>
    </row>
    <row r="347" spans="2:12" ht="16.149999999999999" customHeight="1">
      <c r="B347" s="147"/>
      <c r="C347" s="74" t="s">
        <v>25</v>
      </c>
      <c r="D347" s="81"/>
      <c r="E347" s="85">
        <v>25.93</v>
      </c>
      <c r="F347" s="204" t="s">
        <v>5</v>
      </c>
      <c r="G347" s="211"/>
      <c r="H347" s="99"/>
      <c r="I347" s="106"/>
      <c r="J347" s="119"/>
      <c r="L347" s="67"/>
    </row>
    <row r="348" spans="2:12" ht="16.149999999999999" customHeight="1">
      <c r="B348" s="148"/>
      <c r="C348" s="130"/>
      <c r="D348" s="80"/>
      <c r="E348" s="201"/>
      <c r="F348" s="89"/>
      <c r="G348" s="212"/>
      <c r="H348" s="96"/>
      <c r="I348" s="105"/>
      <c r="J348" s="120"/>
      <c r="L348" s="67"/>
    </row>
    <row r="349" spans="2:12" ht="16.149999999999999" customHeight="1">
      <c r="B349" s="145"/>
      <c r="C349" s="166" t="s">
        <v>42</v>
      </c>
      <c r="D349" s="81"/>
      <c r="E349" s="85"/>
      <c r="F349" s="204"/>
      <c r="G349" s="213"/>
      <c r="H349" s="99"/>
      <c r="I349" s="106"/>
      <c r="J349" s="119"/>
      <c r="L349" s="67"/>
    </row>
    <row r="350" spans="2:12" ht="16.149999999999999" customHeight="1">
      <c r="B350" s="144"/>
      <c r="C350" s="75"/>
      <c r="D350" s="80"/>
      <c r="E350" s="201"/>
      <c r="F350" s="89"/>
      <c r="G350" s="214"/>
      <c r="H350" s="96"/>
      <c r="I350" s="105"/>
      <c r="J350" s="120"/>
      <c r="L350" s="67"/>
    </row>
    <row r="351" spans="2:12" ht="16.149999999999999" customHeight="1">
      <c r="B351" s="147"/>
      <c r="C351" s="81"/>
      <c r="D351" s="81"/>
      <c r="E351" s="85"/>
      <c r="F351" s="204"/>
      <c r="G351" s="213"/>
      <c r="H351" s="99"/>
      <c r="I351" s="106"/>
      <c r="J351" s="119"/>
      <c r="L351" s="67"/>
    </row>
    <row r="352" spans="2:12" s="70" customFormat="1" ht="16.149999999999999" customHeight="1">
      <c r="B352" s="144"/>
      <c r="C352" s="73"/>
      <c r="D352" s="80"/>
      <c r="E352" s="201"/>
      <c r="F352" s="89"/>
      <c r="G352" s="215"/>
      <c r="H352" s="100"/>
      <c r="I352" s="108"/>
      <c r="J352" s="118"/>
      <c r="K352" s="65"/>
      <c r="L352" s="67"/>
    </row>
    <row r="353" spans="2:12" s="70" customFormat="1" ht="16.149999999999999" customHeight="1">
      <c r="B353" s="147"/>
      <c r="C353" s="74"/>
      <c r="D353" s="81"/>
      <c r="E353" s="85"/>
      <c r="F353" s="204"/>
      <c r="G353" s="213"/>
      <c r="H353" s="99"/>
      <c r="I353" s="107"/>
      <c r="J353" s="118"/>
      <c r="K353" s="65"/>
      <c r="L353" s="67"/>
    </row>
    <row r="354" spans="2:12" s="70" customFormat="1" ht="16.149999999999999" customHeight="1">
      <c r="B354" s="149" t="s">
        <v>267</v>
      </c>
      <c r="C354" s="73"/>
      <c r="D354" s="80"/>
      <c r="E354" s="201"/>
      <c r="F354" s="89"/>
      <c r="G354" s="214"/>
      <c r="H354" s="96"/>
      <c r="I354" s="110"/>
      <c r="J354" s="121"/>
      <c r="K354" s="65"/>
      <c r="L354" s="67"/>
    </row>
    <row r="355" spans="2:12" s="70" customFormat="1" ht="16.149999999999999" customHeight="1">
      <c r="B355" s="149"/>
      <c r="C355" s="74"/>
      <c r="D355" s="81"/>
      <c r="E355" s="85">
        <v>1</v>
      </c>
      <c r="F355" s="204" t="s">
        <v>40</v>
      </c>
      <c r="G355" s="213"/>
      <c r="H355" s="99"/>
      <c r="I355" s="106"/>
      <c r="J355" s="122"/>
      <c r="K355" s="65"/>
      <c r="L355" s="67"/>
    </row>
    <row r="356" spans="2:12" s="70" customFormat="1" ht="16.149999999999999" customHeight="1">
      <c r="B356" s="73"/>
      <c r="C356" s="73"/>
      <c r="D356" s="80"/>
      <c r="E356" s="201"/>
      <c r="F356" s="89"/>
      <c r="G356" s="215"/>
      <c r="H356" s="100"/>
      <c r="I356" s="133"/>
      <c r="J356" s="135"/>
      <c r="K356" s="65"/>
      <c r="L356" s="67"/>
    </row>
    <row r="357" spans="2:12" s="70" customFormat="1" ht="16.149999999999999" customHeight="1">
      <c r="B357" s="145"/>
      <c r="C357" s="74"/>
      <c r="D357" s="81"/>
      <c r="E357" s="85"/>
      <c r="F357" s="204"/>
      <c r="G357" s="215"/>
      <c r="H357" s="100"/>
      <c r="I357" s="133"/>
      <c r="J357" s="135"/>
      <c r="K357" s="65"/>
      <c r="L357" s="67"/>
    </row>
    <row r="358" spans="2:12" s="70" customFormat="1" ht="16.149999999999999" customHeight="1">
      <c r="B358" s="144"/>
      <c r="C358" s="73"/>
      <c r="D358" s="80"/>
      <c r="E358" s="201"/>
      <c r="F358" s="89"/>
      <c r="G358" s="214"/>
      <c r="H358" s="96"/>
      <c r="I358" s="110"/>
      <c r="J358" s="121"/>
      <c r="K358" s="65"/>
      <c r="L358" s="67"/>
    </row>
    <row r="359" spans="2:12" s="70" customFormat="1" ht="16.149999999999999" customHeight="1">
      <c r="B359" s="147"/>
      <c r="C359" s="74"/>
      <c r="D359" s="81"/>
      <c r="E359" s="85"/>
      <c r="F359" s="204"/>
      <c r="G359" s="213"/>
      <c r="H359" s="99"/>
      <c r="I359" s="106"/>
      <c r="J359" s="122"/>
      <c r="K359" s="65"/>
      <c r="L359" s="67"/>
    </row>
    <row r="360" spans="2:12" s="70" customFormat="1" ht="16.149999999999999" customHeight="1">
      <c r="B360" s="144"/>
      <c r="C360" s="73"/>
      <c r="D360" s="80"/>
      <c r="E360" s="201"/>
      <c r="F360" s="89"/>
      <c r="G360" s="214"/>
      <c r="H360" s="96"/>
      <c r="I360" s="110"/>
      <c r="J360" s="121"/>
      <c r="K360" s="65"/>
      <c r="L360" s="67"/>
    </row>
    <row r="361" spans="2:12" s="70" customFormat="1" ht="16.149999999999999" customHeight="1">
      <c r="B361" s="147"/>
      <c r="C361" s="74"/>
      <c r="D361" s="81"/>
      <c r="E361" s="85"/>
      <c r="F361" s="204"/>
      <c r="G361" s="213"/>
      <c r="H361" s="99"/>
      <c r="I361" s="106"/>
      <c r="J361" s="122"/>
      <c r="K361" s="65"/>
      <c r="L361" s="67"/>
    </row>
    <row r="362" spans="2:12" s="70" customFormat="1" ht="16.149999999999999" customHeight="1">
      <c r="B362" s="149"/>
      <c r="C362" s="153"/>
      <c r="D362" s="80"/>
      <c r="E362" s="202"/>
      <c r="F362" s="89"/>
      <c r="G362" s="214"/>
      <c r="H362" s="96"/>
      <c r="I362" s="110"/>
      <c r="J362" s="124"/>
      <c r="K362" s="65"/>
      <c r="L362" s="67"/>
    </row>
    <row r="363" spans="2:12" s="70" customFormat="1" ht="16.149999999999999" customHeight="1">
      <c r="B363" s="147"/>
      <c r="C363" s="156"/>
      <c r="D363" s="81"/>
      <c r="E363" s="85"/>
      <c r="F363" s="204"/>
      <c r="G363" s="213"/>
      <c r="H363" s="99"/>
      <c r="I363" s="106"/>
      <c r="J363" s="125"/>
      <c r="K363" s="65"/>
      <c r="L363" s="67"/>
    </row>
    <row r="364" spans="2:12" ht="21" customHeight="1">
      <c r="B364" s="65" t="s">
        <v>21</v>
      </c>
      <c r="G364" s="207"/>
    </row>
    <row r="365" spans="2:12" ht="25.5" customHeight="1">
      <c r="B365" s="71" t="s">
        <v>366</v>
      </c>
      <c r="C365" s="77" t="s">
        <v>160</v>
      </c>
      <c r="D365" s="77"/>
      <c r="E365" s="82"/>
      <c r="F365" s="87"/>
      <c r="G365" s="208"/>
      <c r="H365" s="97"/>
      <c r="I365" s="101"/>
      <c r="J365" s="113"/>
    </row>
    <row r="366" spans="2:12" s="67" customFormat="1" ht="24" customHeight="1">
      <c r="B366" s="72" t="s">
        <v>9</v>
      </c>
      <c r="C366" s="72" t="s">
        <v>73</v>
      </c>
      <c r="D366" s="114"/>
      <c r="E366" s="83" t="s">
        <v>20</v>
      </c>
      <c r="F366" s="88" t="s">
        <v>26</v>
      </c>
      <c r="G366" s="209" t="s">
        <v>30</v>
      </c>
      <c r="H366" s="98" t="s">
        <v>11</v>
      </c>
      <c r="I366" s="72" t="s">
        <v>23</v>
      </c>
      <c r="J366" s="114"/>
      <c r="L366" s="69"/>
    </row>
    <row r="367" spans="2:12" ht="16.149999999999999" customHeight="1">
      <c r="B367" s="144"/>
      <c r="C367" s="73"/>
      <c r="D367" s="80"/>
      <c r="E367" s="201"/>
      <c r="F367" s="89"/>
      <c r="G367" s="210"/>
      <c r="H367" s="96"/>
      <c r="I367" s="105"/>
      <c r="J367" s="118"/>
      <c r="L367" s="67"/>
    </row>
    <row r="368" spans="2:12" ht="16.149999999999999" customHeight="1">
      <c r="B368" s="74" t="s">
        <v>162</v>
      </c>
      <c r="C368" s="74"/>
      <c r="D368" s="81"/>
      <c r="E368" s="85"/>
      <c r="F368" s="204"/>
      <c r="G368" s="211"/>
      <c r="H368" s="99"/>
      <c r="I368" s="106"/>
      <c r="J368" s="119"/>
      <c r="L368" s="67"/>
    </row>
    <row r="369" spans="2:12" ht="16.149999999999999" customHeight="1">
      <c r="B369" s="71"/>
      <c r="C369" s="73"/>
      <c r="D369" s="80"/>
      <c r="E369" s="201"/>
      <c r="F369" s="89"/>
      <c r="G369" s="210"/>
      <c r="H369" s="96"/>
      <c r="I369" s="105"/>
      <c r="J369" s="118"/>
      <c r="L369" s="67"/>
    </row>
    <row r="370" spans="2:12" ht="16.149999999999999" customHeight="1">
      <c r="B370" s="74">
        <v>1</v>
      </c>
      <c r="C370" s="74" t="s">
        <v>136</v>
      </c>
      <c r="D370" s="81"/>
      <c r="E370" s="85">
        <v>1</v>
      </c>
      <c r="F370" s="204" t="s">
        <v>40</v>
      </c>
      <c r="G370" s="211"/>
      <c r="H370" s="99"/>
      <c r="I370" s="106"/>
      <c r="J370" s="119"/>
      <c r="L370" s="67"/>
    </row>
    <row r="371" spans="2:12" ht="16.149999999999999" customHeight="1">
      <c r="B371" s="71"/>
      <c r="C371" s="73"/>
      <c r="D371" s="80"/>
      <c r="E371" s="201"/>
      <c r="F371" s="89"/>
      <c r="G371" s="210"/>
      <c r="H371" s="96"/>
      <c r="I371" s="105"/>
      <c r="J371" s="118"/>
      <c r="L371" s="67"/>
    </row>
    <row r="372" spans="2:12" ht="16.149999999999999" customHeight="1">
      <c r="B372" s="74">
        <v>2</v>
      </c>
      <c r="C372" s="74" t="s">
        <v>192</v>
      </c>
      <c r="D372" s="81"/>
      <c r="E372" s="85">
        <v>1</v>
      </c>
      <c r="F372" s="204" t="s">
        <v>40</v>
      </c>
      <c r="G372" s="211"/>
      <c r="H372" s="99"/>
      <c r="I372" s="107"/>
      <c r="J372" s="119"/>
      <c r="L372" s="67"/>
    </row>
    <row r="373" spans="2:12" ht="15.6" customHeight="1">
      <c r="B373" s="71"/>
      <c r="C373" s="73"/>
      <c r="D373" s="80"/>
      <c r="E373" s="201"/>
      <c r="F373" s="89"/>
      <c r="G373" s="210"/>
      <c r="H373" s="96"/>
      <c r="I373" s="105"/>
      <c r="J373" s="118"/>
      <c r="L373" s="67"/>
    </row>
    <row r="374" spans="2:12" ht="16.149999999999999" customHeight="1">
      <c r="B374" s="74">
        <v>3</v>
      </c>
      <c r="C374" s="74" t="s">
        <v>150</v>
      </c>
      <c r="D374" s="81"/>
      <c r="E374" s="85">
        <v>1</v>
      </c>
      <c r="F374" s="204" t="s">
        <v>40</v>
      </c>
      <c r="G374" s="211"/>
      <c r="H374" s="99"/>
      <c r="I374" s="106"/>
      <c r="J374" s="119"/>
      <c r="L374" s="67"/>
    </row>
    <row r="375" spans="2:12" ht="16.149999999999999" customHeight="1">
      <c r="B375" s="71"/>
      <c r="C375" s="153"/>
      <c r="D375" s="80"/>
      <c r="E375" s="201"/>
      <c r="F375" s="89"/>
      <c r="G375" s="212"/>
      <c r="H375" s="96"/>
      <c r="I375" s="105"/>
      <c r="J375" s="120"/>
      <c r="L375" s="67"/>
    </row>
    <row r="376" spans="2:12" ht="16.149999999999999" customHeight="1">
      <c r="B376" s="74">
        <v>4</v>
      </c>
      <c r="C376" s="176" t="s">
        <v>153</v>
      </c>
      <c r="D376" s="81"/>
      <c r="E376" s="85">
        <v>1</v>
      </c>
      <c r="F376" s="204" t="s">
        <v>40</v>
      </c>
      <c r="G376" s="213"/>
      <c r="H376" s="99"/>
      <c r="I376" s="106"/>
      <c r="J376" s="119"/>
      <c r="L376" s="67"/>
    </row>
    <row r="377" spans="2:12" ht="16.149999999999999" customHeight="1">
      <c r="B377" s="71"/>
      <c r="C377" s="175"/>
      <c r="D377" s="80"/>
      <c r="E377" s="201"/>
      <c r="F377" s="89"/>
      <c r="G377" s="210"/>
      <c r="H377" s="96"/>
      <c r="I377" s="105"/>
      <c r="J377" s="118"/>
      <c r="L377" s="67"/>
    </row>
    <row r="378" spans="2:12" ht="16.149999999999999" customHeight="1">
      <c r="B378" s="74">
        <v>5</v>
      </c>
      <c r="C378" s="74" t="s">
        <v>163</v>
      </c>
      <c r="D378" s="81"/>
      <c r="E378" s="85">
        <v>1</v>
      </c>
      <c r="F378" s="204" t="s">
        <v>40</v>
      </c>
      <c r="G378" s="211"/>
      <c r="H378" s="99"/>
      <c r="I378" s="106"/>
      <c r="J378" s="119"/>
      <c r="L378" s="67"/>
    </row>
    <row r="379" spans="2:12" ht="16.149999999999999" customHeight="1">
      <c r="B379" s="144"/>
      <c r="C379" s="175"/>
      <c r="D379" s="80"/>
      <c r="E379" s="201"/>
      <c r="F379" s="89"/>
      <c r="G379" s="210"/>
      <c r="H379" s="96"/>
      <c r="I379" s="105"/>
      <c r="J379" s="118"/>
      <c r="L379" s="67"/>
    </row>
    <row r="380" spans="2:12" ht="16.149999999999999" customHeight="1">
      <c r="B380" s="147"/>
      <c r="C380" s="81"/>
      <c r="D380" s="81"/>
      <c r="E380" s="85"/>
      <c r="F380" s="204"/>
      <c r="G380" s="211"/>
      <c r="H380" s="99"/>
      <c r="I380" s="106"/>
      <c r="J380" s="119"/>
      <c r="L380" s="67"/>
    </row>
    <row r="381" spans="2:12" ht="16.149999999999999" customHeight="1">
      <c r="B381" s="144"/>
      <c r="C381" s="73"/>
      <c r="D381" s="80"/>
      <c r="E381" s="201"/>
      <c r="F381" s="89"/>
      <c r="G381" s="212"/>
      <c r="H381" s="96"/>
      <c r="I381" s="105"/>
      <c r="J381" s="120"/>
      <c r="L381" s="67"/>
    </row>
    <row r="382" spans="2:12" ht="16.149999999999999" customHeight="1">
      <c r="B382" s="147"/>
      <c r="C382" s="74"/>
      <c r="D382" s="81"/>
      <c r="E382" s="85"/>
      <c r="F382" s="204"/>
      <c r="G382" s="213"/>
      <c r="H382" s="99"/>
      <c r="I382" s="106"/>
      <c r="J382" s="119"/>
      <c r="L382" s="67"/>
    </row>
    <row r="383" spans="2:12" ht="16.149999999999999" customHeight="1">
      <c r="B383" s="149"/>
      <c r="C383" s="73"/>
      <c r="D383" s="80"/>
      <c r="E383" s="201"/>
      <c r="F383" s="89"/>
      <c r="G383" s="214"/>
      <c r="H383" s="96"/>
      <c r="I383" s="105"/>
      <c r="J383" s="120"/>
      <c r="L383" s="67"/>
    </row>
    <row r="384" spans="2:12" ht="16.149999999999999" customHeight="1">
      <c r="B384" s="149"/>
      <c r="C384" s="74"/>
      <c r="D384" s="81"/>
      <c r="E384" s="85"/>
      <c r="F384" s="204"/>
      <c r="G384" s="213"/>
      <c r="H384" s="99"/>
      <c r="I384" s="106"/>
      <c r="J384" s="119"/>
      <c r="L384" s="67"/>
    </row>
    <row r="385" spans="2:12" s="70" customFormat="1" ht="16.149999999999999" customHeight="1">
      <c r="B385" s="73"/>
      <c r="C385" s="73"/>
      <c r="D385" s="80"/>
      <c r="E385" s="201"/>
      <c r="F385" s="89"/>
      <c r="G385" s="215"/>
      <c r="H385" s="100"/>
      <c r="I385" s="108"/>
      <c r="J385" s="118"/>
      <c r="K385" s="65"/>
      <c r="L385" s="67"/>
    </row>
    <row r="386" spans="2:12" s="70" customFormat="1" ht="16.149999999999999" customHeight="1">
      <c r="B386" s="145"/>
      <c r="C386" s="74"/>
      <c r="D386" s="81"/>
      <c r="E386" s="85"/>
      <c r="F386" s="204"/>
      <c r="G386" s="213"/>
      <c r="H386" s="99"/>
      <c r="I386" s="107"/>
      <c r="J386" s="118"/>
      <c r="K386" s="65"/>
      <c r="L386" s="67"/>
    </row>
    <row r="387" spans="2:12" s="70" customFormat="1" ht="16.149999999999999" customHeight="1">
      <c r="B387" s="144"/>
      <c r="C387" s="73"/>
      <c r="D387" s="80"/>
      <c r="E387" s="201"/>
      <c r="F387" s="89"/>
      <c r="G387" s="214"/>
      <c r="H387" s="96"/>
      <c r="I387" s="110"/>
      <c r="J387" s="121"/>
      <c r="K387" s="65"/>
      <c r="L387" s="67"/>
    </row>
    <row r="388" spans="2:12" s="70" customFormat="1" ht="16.149999999999999" customHeight="1">
      <c r="B388" s="147"/>
      <c r="C388" s="74"/>
      <c r="D388" s="81"/>
      <c r="E388" s="85"/>
      <c r="F388" s="204"/>
      <c r="G388" s="213"/>
      <c r="H388" s="99"/>
      <c r="I388" s="106"/>
      <c r="J388" s="122"/>
      <c r="K388" s="65"/>
      <c r="L388" s="67"/>
    </row>
    <row r="389" spans="2:12" s="70" customFormat="1" ht="16.149999999999999" customHeight="1">
      <c r="B389" s="144"/>
      <c r="C389" s="73"/>
      <c r="D389" s="80"/>
      <c r="E389" s="201"/>
      <c r="F389" s="89"/>
      <c r="G389" s="215"/>
      <c r="H389" s="100"/>
      <c r="I389" s="133"/>
      <c r="J389" s="135"/>
      <c r="K389" s="65"/>
      <c r="L389" s="67"/>
    </row>
    <row r="390" spans="2:12" s="70" customFormat="1" ht="16.149999999999999" customHeight="1">
      <c r="B390" s="147"/>
      <c r="C390" s="74"/>
      <c r="D390" s="81"/>
      <c r="E390" s="85"/>
      <c r="F390" s="204"/>
      <c r="G390" s="215"/>
      <c r="H390" s="100"/>
      <c r="I390" s="133"/>
      <c r="J390" s="135"/>
      <c r="K390" s="65"/>
      <c r="L390" s="67"/>
    </row>
    <row r="391" spans="2:12" s="70" customFormat="1" ht="16.149999999999999" customHeight="1">
      <c r="B391" s="144"/>
      <c r="C391" s="153"/>
      <c r="D391" s="80"/>
      <c r="E391" s="201"/>
      <c r="F391" s="89"/>
      <c r="G391" s="214"/>
      <c r="H391" s="96"/>
      <c r="I391" s="110"/>
      <c r="J391" s="121"/>
      <c r="K391" s="65"/>
      <c r="L391" s="67"/>
    </row>
    <row r="392" spans="2:12" s="70" customFormat="1" ht="16.149999999999999" customHeight="1">
      <c r="B392" s="147"/>
      <c r="C392" s="156"/>
      <c r="D392" s="81"/>
      <c r="E392" s="85"/>
      <c r="F392" s="204"/>
      <c r="G392" s="213"/>
      <c r="H392" s="99"/>
      <c r="I392" s="106"/>
      <c r="J392" s="122"/>
      <c r="K392" s="65"/>
      <c r="L392" s="67"/>
    </row>
    <row r="393" spans="2:12" s="70" customFormat="1" ht="16.149999999999999" customHeight="1">
      <c r="B393" s="144"/>
      <c r="C393" s="73"/>
      <c r="D393" s="80"/>
      <c r="E393" s="201"/>
      <c r="F393" s="89"/>
      <c r="G393" s="214"/>
      <c r="H393" s="96"/>
      <c r="I393" s="110"/>
      <c r="J393" s="121"/>
      <c r="K393" s="65"/>
      <c r="L393" s="67"/>
    </row>
    <row r="394" spans="2:12" s="70" customFormat="1" ht="16.149999999999999" customHeight="1">
      <c r="B394" s="129"/>
      <c r="C394" s="74"/>
      <c r="D394" s="81"/>
      <c r="E394" s="85"/>
      <c r="F394" s="204"/>
      <c r="G394" s="213"/>
      <c r="H394" s="99"/>
      <c r="I394" s="106"/>
      <c r="J394" s="122"/>
      <c r="K394" s="65"/>
      <c r="L394" s="67"/>
    </row>
    <row r="395" spans="2:12" s="70" customFormat="1" ht="16.149999999999999" customHeight="1">
      <c r="B395" s="144"/>
      <c r="C395" s="73"/>
      <c r="D395" s="80"/>
      <c r="E395" s="201"/>
      <c r="F395" s="89"/>
      <c r="G395" s="214"/>
      <c r="H395" s="96"/>
      <c r="I395" s="110"/>
      <c r="J395" s="124"/>
      <c r="K395" s="65"/>
      <c r="L395" s="67"/>
    </row>
    <row r="396" spans="2:12" s="70" customFormat="1" ht="16.149999999999999" customHeight="1">
      <c r="B396" s="129" t="s">
        <v>41</v>
      </c>
      <c r="C396" s="74"/>
      <c r="D396" s="81"/>
      <c r="E396" s="85"/>
      <c r="F396" s="204"/>
      <c r="G396" s="213"/>
      <c r="H396" s="99"/>
      <c r="I396" s="106"/>
      <c r="J396" s="125"/>
      <c r="K396" s="65"/>
      <c r="L396" s="67"/>
    </row>
    <row r="397" spans="2:12" ht="21" customHeight="1">
      <c r="B397" s="65" t="s">
        <v>21</v>
      </c>
      <c r="G397" s="207"/>
    </row>
    <row r="398" spans="2:12" ht="25.5" customHeight="1">
      <c r="B398" s="71" t="s">
        <v>366</v>
      </c>
      <c r="C398" s="77" t="str">
        <v>科目名称　４．杭基礎撤去工事</v>
      </c>
      <c r="D398" s="77"/>
      <c r="E398" s="82"/>
      <c r="F398" s="87"/>
      <c r="G398" s="208"/>
      <c r="H398" s="97"/>
      <c r="I398" s="101"/>
      <c r="J398" s="113"/>
    </row>
    <row r="399" spans="2:12" s="67" customFormat="1" ht="24" customHeight="1">
      <c r="B399" s="72" t="s">
        <v>9</v>
      </c>
      <c r="C399" s="72" t="s">
        <v>73</v>
      </c>
      <c r="D399" s="114"/>
      <c r="E399" s="83" t="s">
        <v>20</v>
      </c>
      <c r="F399" s="88" t="s">
        <v>26</v>
      </c>
      <c r="G399" s="209" t="s">
        <v>30</v>
      </c>
      <c r="H399" s="98" t="s">
        <v>11</v>
      </c>
      <c r="I399" s="72" t="s">
        <v>23</v>
      </c>
      <c r="J399" s="114"/>
      <c r="L399" s="69"/>
    </row>
    <row r="400" spans="2:12" ht="16.149999999999999" customHeight="1">
      <c r="B400" s="142"/>
      <c r="C400" s="73"/>
      <c r="D400" s="80"/>
      <c r="E400" s="201"/>
      <c r="F400" s="89"/>
      <c r="G400" s="210"/>
      <c r="H400" s="96"/>
      <c r="I400" s="105"/>
      <c r="J400" s="118"/>
      <c r="L400" s="67"/>
    </row>
    <row r="401" spans="2:12" ht="16.149999999999999" customHeight="1">
      <c r="B401" s="145" t="s">
        <v>140</v>
      </c>
      <c r="C401" s="74"/>
      <c r="D401" s="81"/>
      <c r="E401" s="85"/>
      <c r="F401" s="204"/>
      <c r="G401" s="211"/>
      <c r="H401" s="99"/>
      <c r="I401" s="106"/>
      <c r="J401" s="119"/>
      <c r="L401" s="67"/>
    </row>
    <row r="402" spans="2:12" ht="16.149999999999999" customHeight="1">
      <c r="B402" s="146"/>
      <c r="C402" s="71"/>
      <c r="D402" s="80" t="s">
        <v>166</v>
      </c>
      <c r="E402" s="201"/>
      <c r="F402" s="89"/>
      <c r="G402" s="210"/>
      <c r="H402" s="100"/>
      <c r="I402" s="222"/>
      <c r="J402" s="236"/>
      <c r="L402" s="67"/>
    </row>
    <row r="403" spans="2:12" ht="16.149999999999999" customHeight="1">
      <c r="B403" s="145" t="s">
        <v>137</v>
      </c>
      <c r="C403" s="74" t="s">
        <v>165</v>
      </c>
      <c r="D403" s="81" t="s">
        <v>167</v>
      </c>
      <c r="E403" s="85">
        <v>30</v>
      </c>
      <c r="F403" s="204" t="s">
        <v>172</v>
      </c>
      <c r="G403" s="211"/>
      <c r="H403" s="99"/>
      <c r="I403" s="106"/>
      <c r="J403" s="119"/>
      <c r="L403" s="67"/>
    </row>
    <row r="404" spans="2:12" ht="16.149999999999999" customHeight="1">
      <c r="B404" s="142"/>
      <c r="C404" s="71"/>
      <c r="D404" s="80" t="s">
        <v>166</v>
      </c>
      <c r="E404" s="201"/>
      <c r="F404" s="89"/>
      <c r="G404" s="210"/>
      <c r="H404" s="100"/>
      <c r="I404" s="222"/>
      <c r="J404" s="236"/>
      <c r="L404" s="67"/>
    </row>
    <row r="405" spans="2:12" ht="16.149999999999999" customHeight="1">
      <c r="B405" s="145" t="s">
        <v>139</v>
      </c>
      <c r="C405" s="74" t="s">
        <v>165</v>
      </c>
      <c r="D405" s="81" t="s">
        <v>167</v>
      </c>
      <c r="E405" s="85">
        <v>11</v>
      </c>
      <c r="F405" s="204" t="s">
        <v>172</v>
      </c>
      <c r="G405" s="211"/>
      <c r="H405" s="99"/>
      <c r="I405" s="106"/>
      <c r="J405" s="119"/>
      <c r="L405" s="67"/>
    </row>
    <row r="406" spans="2:12" ht="15.6" customHeight="1">
      <c r="B406" s="148"/>
      <c r="C406" s="130"/>
      <c r="D406" s="80"/>
      <c r="E406" s="201"/>
      <c r="F406" s="89"/>
      <c r="G406" s="210"/>
      <c r="H406" s="100"/>
      <c r="I406" s="105"/>
      <c r="J406" s="120"/>
      <c r="L406" s="67"/>
    </row>
    <row r="407" spans="2:12" ht="16.149999999999999" customHeight="1">
      <c r="B407" s="145"/>
      <c r="C407" s="170" t="s">
        <v>182</v>
      </c>
      <c r="D407" s="81"/>
      <c r="E407" s="85">
        <v>13.45</v>
      </c>
      <c r="F407" s="204" t="s">
        <v>5</v>
      </c>
      <c r="G407" s="211"/>
      <c r="H407" s="99"/>
      <c r="I407" s="106"/>
      <c r="J407" s="119"/>
      <c r="L407" s="67"/>
    </row>
    <row r="408" spans="2:12" ht="16.149999999999999" customHeight="1">
      <c r="B408" s="146"/>
      <c r="C408" s="130" t="s">
        <v>188</v>
      </c>
      <c r="D408" s="80"/>
      <c r="E408" s="201"/>
      <c r="F408" s="89"/>
      <c r="G408" s="210"/>
      <c r="H408" s="100"/>
      <c r="I408" s="105"/>
      <c r="J408" s="120"/>
      <c r="L408" s="67"/>
    </row>
    <row r="409" spans="2:12" ht="16.149999999999999" customHeight="1">
      <c r="B409" s="146"/>
      <c r="C409" s="170" t="s">
        <v>186</v>
      </c>
      <c r="D409" s="81"/>
      <c r="E409" s="85">
        <v>13.45</v>
      </c>
      <c r="F409" s="204" t="s">
        <v>5</v>
      </c>
      <c r="G409" s="211"/>
      <c r="H409" s="99"/>
      <c r="I409" s="106"/>
      <c r="J409" s="119"/>
      <c r="L409" s="67"/>
    </row>
    <row r="410" spans="2:12" ht="16.149999999999999" customHeight="1">
      <c r="B410" s="148"/>
      <c r="C410" s="130"/>
      <c r="D410" s="80" t="s">
        <v>191</v>
      </c>
      <c r="E410" s="201"/>
      <c r="F410" s="89"/>
      <c r="G410" s="210"/>
      <c r="H410" s="100"/>
      <c r="I410" s="105"/>
      <c r="J410" s="120"/>
      <c r="L410" s="67"/>
    </row>
    <row r="411" spans="2:12" ht="16.149999999999999" customHeight="1">
      <c r="B411" s="145"/>
      <c r="C411" s="170" t="s">
        <v>189</v>
      </c>
      <c r="D411" s="81"/>
      <c r="E411" s="85">
        <v>23.66</v>
      </c>
      <c r="F411" s="204" t="s">
        <v>5</v>
      </c>
      <c r="G411" s="211"/>
      <c r="H411" s="99"/>
      <c r="I411" s="106"/>
      <c r="J411" s="119"/>
      <c r="L411" s="67"/>
    </row>
    <row r="412" spans="2:12" ht="16.149999999999999" customHeight="1">
      <c r="B412" s="148"/>
      <c r="C412" s="130"/>
      <c r="D412" s="80" t="s">
        <v>175</v>
      </c>
      <c r="E412" s="201"/>
      <c r="F412" s="89"/>
      <c r="G412" s="210"/>
      <c r="H412" s="100"/>
      <c r="I412" s="222"/>
      <c r="J412" s="236"/>
      <c r="L412" s="67"/>
    </row>
    <row r="413" spans="2:12" ht="16.149999999999999" customHeight="1">
      <c r="B413" s="145"/>
      <c r="C413" s="170" t="s">
        <v>174</v>
      </c>
      <c r="D413" s="81" t="s">
        <v>370</v>
      </c>
      <c r="E413" s="85">
        <v>34.75</v>
      </c>
      <c r="F413" s="204" t="s">
        <v>5</v>
      </c>
      <c r="G413" s="211"/>
      <c r="H413" s="99"/>
      <c r="I413" s="106"/>
      <c r="J413" s="119"/>
      <c r="L413" s="67"/>
    </row>
    <row r="414" spans="2:12" ht="16.149999999999999" customHeight="1">
      <c r="B414" s="144"/>
      <c r="C414" s="130"/>
      <c r="D414" s="80"/>
      <c r="E414" s="201"/>
      <c r="F414" s="89"/>
      <c r="G414" s="210"/>
      <c r="H414" s="100"/>
      <c r="I414" s="105"/>
      <c r="J414" s="120"/>
      <c r="L414" s="67"/>
    </row>
    <row r="415" spans="2:12" ht="16.149999999999999" customHeight="1">
      <c r="B415" s="147"/>
      <c r="C415" s="170" t="s">
        <v>186</v>
      </c>
      <c r="D415" s="81"/>
      <c r="E415" s="85">
        <v>34.75</v>
      </c>
      <c r="F415" s="204" t="s">
        <v>5</v>
      </c>
      <c r="G415" s="211"/>
      <c r="H415" s="99"/>
      <c r="I415" s="106"/>
      <c r="J415" s="119"/>
      <c r="L415" s="67"/>
    </row>
    <row r="416" spans="2:12" s="70" customFormat="1" ht="16.149999999999999" customHeight="1">
      <c r="B416" s="144"/>
      <c r="C416" s="130"/>
      <c r="D416" s="80"/>
      <c r="E416" s="201"/>
      <c r="F416" s="89"/>
      <c r="G416" s="210"/>
      <c r="H416" s="100"/>
      <c r="I416" s="108"/>
      <c r="J416" s="118"/>
      <c r="K416" s="65"/>
      <c r="L416" s="67"/>
    </row>
    <row r="417" spans="2:12" s="70" customFormat="1" ht="16.149999999999999" customHeight="1">
      <c r="B417" s="149"/>
      <c r="C417" s="166" t="s">
        <v>42</v>
      </c>
      <c r="D417" s="81"/>
      <c r="E417" s="85"/>
      <c r="F417" s="204"/>
      <c r="G417" s="211"/>
      <c r="H417" s="99"/>
      <c r="I417" s="107"/>
      <c r="J417" s="118"/>
      <c r="K417" s="65"/>
      <c r="L417" s="67"/>
    </row>
    <row r="418" spans="2:12" s="70" customFormat="1" ht="16.149999999999999" customHeight="1">
      <c r="B418" s="148"/>
      <c r="C418" s="130"/>
      <c r="D418" s="80"/>
      <c r="E418" s="201"/>
      <c r="F418" s="89"/>
      <c r="G418" s="210"/>
      <c r="H418" s="96"/>
      <c r="I418" s="110"/>
      <c r="J418" s="121"/>
      <c r="K418" s="65"/>
      <c r="L418" s="67"/>
    </row>
    <row r="419" spans="2:12" s="70" customFormat="1" ht="16.149999999999999" customHeight="1">
      <c r="B419" s="145" t="s">
        <v>178</v>
      </c>
      <c r="C419" s="170"/>
      <c r="D419" s="81"/>
      <c r="E419" s="85"/>
      <c r="F419" s="204"/>
      <c r="G419" s="211"/>
      <c r="H419" s="99"/>
      <c r="I419" s="106"/>
      <c r="J419" s="122"/>
      <c r="K419" s="65"/>
      <c r="L419" s="67"/>
    </row>
    <row r="420" spans="2:12" s="70" customFormat="1" ht="16.149999999999999" customHeight="1">
      <c r="B420" s="144"/>
      <c r="C420" s="130"/>
      <c r="D420" s="80" t="s">
        <v>177</v>
      </c>
      <c r="E420" s="201"/>
      <c r="F420" s="89"/>
      <c r="G420" s="210"/>
      <c r="H420" s="100"/>
      <c r="I420" s="222"/>
      <c r="J420" s="236"/>
      <c r="K420" s="65"/>
      <c r="L420" s="67"/>
    </row>
    <row r="421" spans="2:12" s="70" customFormat="1" ht="16.149999999999999" customHeight="1">
      <c r="B421" s="147"/>
      <c r="C421" s="170" t="s">
        <v>174</v>
      </c>
      <c r="D421" s="81" t="s">
        <v>372</v>
      </c>
      <c r="E421" s="85">
        <v>226.45</v>
      </c>
      <c r="F421" s="204" t="s">
        <v>5</v>
      </c>
      <c r="G421" s="211"/>
      <c r="H421" s="99"/>
      <c r="I421" s="106"/>
      <c r="J421" s="119"/>
      <c r="K421" s="65"/>
      <c r="L421" s="67"/>
    </row>
    <row r="422" spans="2:12" s="70" customFormat="1" ht="16.149999999999999" customHeight="1">
      <c r="B422" s="142"/>
      <c r="C422" s="130"/>
      <c r="D422" s="80"/>
      <c r="E422" s="201"/>
      <c r="F422" s="89"/>
      <c r="G422" s="210"/>
      <c r="H422" s="96"/>
      <c r="I422" s="110"/>
      <c r="J422" s="121"/>
      <c r="K422" s="65"/>
      <c r="L422" s="67"/>
    </row>
    <row r="423" spans="2:12" s="70" customFormat="1" ht="16.149999999999999" customHeight="1">
      <c r="B423" s="145"/>
      <c r="C423" s="170" t="s">
        <v>186</v>
      </c>
      <c r="D423" s="81"/>
      <c r="E423" s="85">
        <v>226.45</v>
      </c>
      <c r="F423" s="204" t="s">
        <v>5</v>
      </c>
      <c r="G423" s="211"/>
      <c r="H423" s="99"/>
      <c r="I423" s="106"/>
      <c r="J423" s="122"/>
      <c r="K423" s="65"/>
      <c r="L423" s="67"/>
    </row>
    <row r="424" spans="2:12" s="70" customFormat="1" ht="16.149999999999999" customHeight="1">
      <c r="B424" s="71"/>
      <c r="C424" s="130"/>
      <c r="D424" s="80"/>
      <c r="E424" s="201"/>
      <c r="F424" s="89"/>
      <c r="G424" s="214"/>
      <c r="H424" s="96"/>
      <c r="I424" s="110"/>
      <c r="J424" s="121"/>
      <c r="K424" s="65"/>
      <c r="L424" s="67"/>
    </row>
    <row r="425" spans="2:12" s="70" customFormat="1" ht="16.149999999999999" customHeight="1">
      <c r="B425" s="74"/>
      <c r="C425" s="166" t="s">
        <v>42</v>
      </c>
      <c r="D425" s="81"/>
      <c r="E425" s="85"/>
      <c r="F425" s="204"/>
      <c r="G425" s="213"/>
      <c r="H425" s="99"/>
      <c r="I425" s="106"/>
      <c r="J425" s="122"/>
      <c r="K425" s="65"/>
      <c r="L425" s="67"/>
    </row>
    <row r="426" spans="2:12" s="70" customFormat="1" ht="16.149999999999999" customHeight="1">
      <c r="B426" s="76"/>
      <c r="C426" s="167"/>
      <c r="D426" s="157"/>
      <c r="E426" s="86"/>
      <c r="F426" s="205"/>
      <c r="G426" s="215"/>
      <c r="H426" s="100"/>
      <c r="I426" s="133"/>
      <c r="J426" s="135"/>
      <c r="K426" s="65"/>
      <c r="L426" s="67"/>
    </row>
    <row r="427" spans="2:12" s="70" customFormat="1" ht="16.149999999999999" customHeight="1">
      <c r="B427" s="76"/>
      <c r="C427" s="167"/>
      <c r="D427" s="157"/>
      <c r="E427" s="86"/>
      <c r="F427" s="205"/>
      <c r="G427" s="215"/>
      <c r="H427" s="100"/>
      <c r="I427" s="133"/>
      <c r="J427" s="135"/>
      <c r="K427" s="65"/>
      <c r="L427" s="67"/>
    </row>
    <row r="428" spans="2:12" s="70" customFormat="1" ht="16.149999999999999" customHeight="1">
      <c r="B428" s="75"/>
      <c r="C428" s="80"/>
      <c r="D428" s="80"/>
      <c r="E428" s="84"/>
      <c r="F428" s="89"/>
      <c r="G428" s="214"/>
      <c r="H428" s="96"/>
      <c r="I428" s="110"/>
      <c r="J428" s="124"/>
      <c r="K428" s="65"/>
      <c r="L428" s="67"/>
    </row>
    <row r="429" spans="2:12" s="70" customFormat="1" ht="16.149999999999999" customHeight="1">
      <c r="B429" s="129"/>
      <c r="C429" s="174"/>
      <c r="D429" s="174"/>
      <c r="E429" s="85"/>
      <c r="F429" s="90"/>
      <c r="G429" s="213"/>
      <c r="H429" s="99"/>
      <c r="I429" s="106"/>
      <c r="J429" s="125"/>
      <c r="K429" s="65"/>
      <c r="L429" s="67"/>
    </row>
    <row r="430" spans="2:12" ht="21" customHeight="1">
      <c r="B430" s="65" t="s">
        <v>21</v>
      </c>
      <c r="G430" s="207"/>
    </row>
    <row r="431" spans="2:12" ht="25.5" customHeight="1">
      <c r="B431" s="71" t="s">
        <v>366</v>
      </c>
      <c r="C431" s="77" t="str">
        <v>科目名称　４．杭基礎撤去工事</v>
      </c>
      <c r="D431" s="77"/>
      <c r="E431" s="82"/>
      <c r="F431" s="87"/>
      <c r="G431" s="208"/>
      <c r="H431" s="97"/>
      <c r="I431" s="101"/>
      <c r="J431" s="113"/>
    </row>
    <row r="432" spans="2:12" s="67" customFormat="1" ht="21" customHeight="1">
      <c r="B432" s="72" t="s">
        <v>9</v>
      </c>
      <c r="C432" s="72" t="s">
        <v>73</v>
      </c>
      <c r="D432" s="114"/>
      <c r="E432" s="83" t="s">
        <v>20</v>
      </c>
      <c r="F432" s="88" t="s">
        <v>26</v>
      </c>
      <c r="G432" s="209" t="s">
        <v>30</v>
      </c>
      <c r="H432" s="98" t="s">
        <v>11</v>
      </c>
      <c r="I432" s="72" t="s">
        <v>23</v>
      </c>
      <c r="J432" s="114"/>
      <c r="L432" s="69"/>
    </row>
    <row r="433" spans="2:12" ht="16.149999999999999" customHeight="1">
      <c r="B433" s="148"/>
      <c r="C433" s="71"/>
      <c r="D433" s="80"/>
      <c r="E433" s="201"/>
      <c r="F433" s="89"/>
      <c r="G433" s="214"/>
      <c r="H433" s="96"/>
      <c r="I433" s="110"/>
      <c r="J433" s="121"/>
      <c r="L433" s="67"/>
    </row>
    <row r="434" spans="2:12" ht="16.149999999999999" customHeight="1">
      <c r="B434" s="145" t="s">
        <v>144</v>
      </c>
      <c r="C434" s="74"/>
      <c r="D434" s="81"/>
      <c r="E434" s="85"/>
      <c r="F434" s="204"/>
      <c r="G434" s="213"/>
      <c r="H434" s="99"/>
      <c r="I434" s="106"/>
      <c r="J434" s="122"/>
      <c r="L434" s="67"/>
    </row>
    <row r="435" spans="2:12" ht="16.149999999999999" customHeight="1">
      <c r="B435" s="146"/>
      <c r="C435" s="71"/>
      <c r="D435" s="80" t="s">
        <v>59</v>
      </c>
      <c r="E435" s="201"/>
      <c r="F435" s="89"/>
      <c r="G435" s="214"/>
      <c r="H435" s="100"/>
      <c r="I435" s="222"/>
      <c r="J435" s="236"/>
      <c r="L435" s="67"/>
    </row>
    <row r="436" spans="2:12" ht="16.149999999999999" customHeight="1">
      <c r="B436" s="145" t="s">
        <v>137</v>
      </c>
      <c r="C436" s="74" t="s">
        <v>165</v>
      </c>
      <c r="D436" s="81" t="s">
        <v>169</v>
      </c>
      <c r="E436" s="85">
        <v>44</v>
      </c>
      <c r="F436" s="204" t="s">
        <v>172</v>
      </c>
      <c r="G436" s="211"/>
      <c r="H436" s="99"/>
      <c r="I436" s="106"/>
      <c r="J436" s="119"/>
      <c r="L436" s="67"/>
    </row>
    <row r="437" spans="2:12" ht="16.149999999999999" customHeight="1">
      <c r="B437" s="142"/>
      <c r="C437" s="71"/>
      <c r="D437" s="80" t="s">
        <v>59</v>
      </c>
      <c r="E437" s="201"/>
      <c r="F437" s="89"/>
      <c r="G437" s="214"/>
      <c r="H437" s="100"/>
      <c r="I437" s="222"/>
      <c r="J437" s="236"/>
      <c r="L437" s="67"/>
    </row>
    <row r="438" spans="2:12" ht="16.149999999999999" customHeight="1">
      <c r="B438" s="145" t="s">
        <v>139</v>
      </c>
      <c r="C438" s="74" t="s">
        <v>165</v>
      </c>
      <c r="D438" s="81" t="s">
        <v>169</v>
      </c>
      <c r="E438" s="85">
        <v>18</v>
      </c>
      <c r="F438" s="204" t="s">
        <v>172</v>
      </c>
      <c r="G438" s="211"/>
      <c r="H438" s="99"/>
      <c r="I438" s="106"/>
      <c r="J438" s="119"/>
      <c r="L438" s="67"/>
    </row>
    <row r="439" spans="2:12" ht="16.149999999999999" customHeight="1">
      <c r="B439" s="80"/>
      <c r="C439" s="130"/>
      <c r="D439" s="80"/>
      <c r="E439" s="201"/>
      <c r="F439" s="89"/>
      <c r="G439" s="214"/>
      <c r="H439" s="100"/>
      <c r="I439" s="105"/>
      <c r="J439" s="120"/>
      <c r="L439" s="67"/>
    </row>
    <row r="440" spans="2:12" ht="16.149999999999999" customHeight="1">
      <c r="B440" s="81"/>
      <c r="C440" s="170" t="s">
        <v>182</v>
      </c>
      <c r="D440" s="81"/>
      <c r="E440" s="85">
        <v>14.02</v>
      </c>
      <c r="F440" s="204" t="s">
        <v>5</v>
      </c>
      <c r="G440" s="211"/>
      <c r="H440" s="99"/>
      <c r="I440" s="106"/>
      <c r="J440" s="123"/>
      <c r="L440" s="67"/>
    </row>
    <row r="441" spans="2:12" ht="16.149999999999999" customHeight="1">
      <c r="B441" s="150"/>
      <c r="C441" s="130" t="s">
        <v>188</v>
      </c>
      <c r="D441" s="80"/>
      <c r="E441" s="201"/>
      <c r="F441" s="89"/>
      <c r="G441" s="214"/>
      <c r="H441" s="100"/>
      <c r="I441" s="229"/>
      <c r="J441" s="124"/>
      <c r="L441" s="67"/>
    </row>
    <row r="442" spans="2:12" ht="16.149999999999999" customHeight="1">
      <c r="B442" s="81"/>
      <c r="C442" s="170" t="s">
        <v>186</v>
      </c>
      <c r="D442" s="81"/>
      <c r="E442" s="85">
        <v>14.02</v>
      </c>
      <c r="F442" s="204" t="s">
        <v>5</v>
      </c>
      <c r="G442" s="211"/>
      <c r="H442" s="99"/>
      <c r="I442" s="106"/>
      <c r="J442" s="125"/>
      <c r="L442" s="67"/>
    </row>
    <row r="443" spans="2:12" ht="16.149999999999999" customHeight="1">
      <c r="B443" s="142"/>
      <c r="C443" s="130"/>
      <c r="D443" s="80" t="s">
        <v>191</v>
      </c>
      <c r="E443" s="201"/>
      <c r="F443" s="89"/>
      <c r="G443" s="214"/>
      <c r="H443" s="100"/>
      <c r="I443" s="105"/>
      <c r="J443" s="120"/>
      <c r="L443" s="67"/>
    </row>
    <row r="444" spans="2:12" ht="16.149999999999999" customHeight="1">
      <c r="B444" s="145"/>
      <c r="C444" s="170" t="s">
        <v>189</v>
      </c>
      <c r="D444" s="81"/>
      <c r="E444" s="85">
        <v>21.91</v>
      </c>
      <c r="F444" s="204" t="s">
        <v>5</v>
      </c>
      <c r="G444" s="211"/>
      <c r="H444" s="99"/>
      <c r="I444" s="106"/>
      <c r="J444" s="122"/>
      <c r="L444" s="67"/>
    </row>
    <row r="445" spans="2:12" ht="16.149999999999999" customHeight="1">
      <c r="B445" s="80"/>
      <c r="C445" s="130"/>
      <c r="D445" s="142"/>
      <c r="E445" s="84"/>
      <c r="F445" s="80"/>
      <c r="G445" s="214"/>
      <c r="H445" s="80"/>
      <c r="I445" s="229"/>
      <c r="J445" s="124"/>
      <c r="L445" s="67"/>
    </row>
    <row r="446" spans="2:12" ht="16.149999999999999" customHeight="1">
      <c r="B446" s="81"/>
      <c r="C446" s="166" t="s">
        <v>42</v>
      </c>
      <c r="D446" s="81"/>
      <c r="E446" s="85"/>
      <c r="F446" s="90"/>
      <c r="G446" s="213"/>
      <c r="H446" s="221"/>
      <c r="I446" s="106"/>
      <c r="J446" s="125"/>
      <c r="L446" s="67"/>
    </row>
    <row r="447" spans="2:12" s="70" customFormat="1" ht="16.149999999999999" customHeight="1">
      <c r="B447" s="80"/>
      <c r="C447" s="142"/>
      <c r="D447" s="142"/>
      <c r="E447" s="84"/>
      <c r="F447" s="80"/>
      <c r="G447" s="214"/>
      <c r="H447" s="96"/>
      <c r="I447" s="110"/>
      <c r="J447" s="121"/>
      <c r="K447" s="65"/>
      <c r="L447" s="67"/>
    </row>
    <row r="448" spans="2:12" s="70" customFormat="1" ht="16.149999999999999" customHeight="1">
      <c r="B448" s="81" t="s">
        <v>180</v>
      </c>
      <c r="C448" s="74"/>
      <c r="D448" s="74"/>
      <c r="E448" s="85"/>
      <c r="F448" s="90"/>
      <c r="G448" s="213"/>
      <c r="H448" s="99"/>
      <c r="I448" s="106"/>
      <c r="J448" s="122"/>
      <c r="K448" s="65"/>
      <c r="L448" s="67"/>
    </row>
    <row r="449" spans="2:12" s="70" customFormat="1" ht="16.149999999999999" customHeight="1">
      <c r="B449" s="146"/>
      <c r="C449" s="71"/>
      <c r="D449" s="80" t="s">
        <v>59</v>
      </c>
      <c r="E449" s="80"/>
      <c r="F449" s="89"/>
      <c r="G449" s="214"/>
      <c r="H449" s="100"/>
      <c r="I449" s="222"/>
      <c r="J449" s="236"/>
      <c r="K449" s="65"/>
      <c r="L449" s="67"/>
    </row>
    <row r="450" spans="2:12" s="70" customFormat="1" ht="16.149999999999999" customHeight="1">
      <c r="B450" s="145" t="s">
        <v>137</v>
      </c>
      <c r="C450" s="74" t="s">
        <v>165</v>
      </c>
      <c r="D450" s="81" t="s">
        <v>169</v>
      </c>
      <c r="E450" s="203">
        <v>22</v>
      </c>
      <c r="F450" s="204" t="s">
        <v>172</v>
      </c>
      <c r="G450" s="211"/>
      <c r="H450" s="99"/>
      <c r="I450" s="106"/>
      <c r="J450" s="119"/>
      <c r="K450" s="65"/>
      <c r="L450" s="67"/>
    </row>
    <row r="451" spans="2:12" s="70" customFormat="1" ht="16.149999999999999" customHeight="1">
      <c r="B451" s="142"/>
      <c r="C451" s="71"/>
      <c r="D451" s="80" t="s">
        <v>59</v>
      </c>
      <c r="E451" s="80"/>
      <c r="F451" s="89"/>
      <c r="G451" s="214"/>
      <c r="H451" s="100"/>
      <c r="I451" s="222"/>
      <c r="J451" s="236"/>
      <c r="K451" s="65"/>
      <c r="L451" s="67"/>
    </row>
    <row r="452" spans="2:12" s="70" customFormat="1" ht="16.149999999999999" customHeight="1">
      <c r="B452" s="145" t="s">
        <v>139</v>
      </c>
      <c r="C452" s="74" t="s">
        <v>165</v>
      </c>
      <c r="D452" s="81" t="s">
        <v>169</v>
      </c>
      <c r="E452" s="203">
        <v>35</v>
      </c>
      <c r="F452" s="204" t="s">
        <v>172</v>
      </c>
      <c r="G452" s="211"/>
      <c r="H452" s="99"/>
      <c r="I452" s="106"/>
      <c r="J452" s="119"/>
      <c r="K452" s="65"/>
      <c r="L452" s="67"/>
    </row>
    <row r="453" spans="2:12" s="70" customFormat="1" ht="16.149999999999999" customHeight="1">
      <c r="B453" s="142"/>
      <c r="C453" s="71"/>
      <c r="D453" s="80" t="s">
        <v>59</v>
      </c>
      <c r="E453" s="80"/>
      <c r="F453" s="89"/>
      <c r="G453" s="214"/>
      <c r="H453" s="100"/>
      <c r="I453" s="110"/>
      <c r="J453" s="120"/>
      <c r="K453" s="65"/>
      <c r="L453" s="67"/>
    </row>
    <row r="454" spans="2:12" s="70" customFormat="1" ht="16.149999999999999" customHeight="1">
      <c r="B454" s="145"/>
      <c r="C454" s="74" t="s">
        <v>165</v>
      </c>
      <c r="D454" s="81" t="s">
        <v>368</v>
      </c>
      <c r="E454" s="203">
        <v>9</v>
      </c>
      <c r="F454" s="204" t="s">
        <v>172</v>
      </c>
      <c r="G454" s="211"/>
      <c r="H454" s="99"/>
      <c r="I454" s="106"/>
      <c r="J454" s="119"/>
      <c r="K454" s="65"/>
      <c r="L454" s="67"/>
    </row>
    <row r="455" spans="2:12" s="70" customFormat="1" ht="16.149999999999999" customHeight="1">
      <c r="B455" s="146"/>
      <c r="C455" s="71"/>
      <c r="D455" s="80" t="s">
        <v>59</v>
      </c>
      <c r="E455" s="80"/>
      <c r="F455" s="89"/>
      <c r="G455" s="214"/>
      <c r="H455" s="100"/>
      <c r="I455" s="133"/>
      <c r="J455" s="118"/>
      <c r="K455" s="65"/>
      <c r="L455" s="67"/>
    </row>
    <row r="456" spans="2:12" s="70" customFormat="1" ht="16.149999999999999" customHeight="1">
      <c r="B456" s="146"/>
      <c r="C456" s="74" t="s">
        <v>165</v>
      </c>
      <c r="D456" s="81" t="s">
        <v>369</v>
      </c>
      <c r="E456" s="203">
        <v>24</v>
      </c>
      <c r="F456" s="204" t="s">
        <v>172</v>
      </c>
      <c r="G456" s="211"/>
      <c r="H456" s="99"/>
      <c r="I456" s="106"/>
      <c r="J456" s="119"/>
      <c r="K456" s="65"/>
      <c r="L456" s="67"/>
    </row>
    <row r="457" spans="2:12" s="70" customFormat="1" ht="16.149999999999999" customHeight="1">
      <c r="B457" s="80"/>
      <c r="C457" s="130"/>
      <c r="D457" s="80"/>
      <c r="E457" s="201"/>
      <c r="F457" s="91"/>
      <c r="G457" s="217"/>
      <c r="H457" s="100"/>
      <c r="I457" s="108"/>
      <c r="J457" s="118"/>
      <c r="K457" s="65"/>
      <c r="L457" s="67"/>
    </row>
    <row r="458" spans="2:12" s="70" customFormat="1" ht="16.149999999999999" customHeight="1">
      <c r="B458" s="81"/>
      <c r="C458" s="170" t="s">
        <v>182</v>
      </c>
      <c r="D458" s="81"/>
      <c r="E458" s="85">
        <v>21.72</v>
      </c>
      <c r="F458" s="204" t="s">
        <v>5</v>
      </c>
      <c r="G458" s="211"/>
      <c r="H458" s="99"/>
      <c r="I458" s="133"/>
      <c r="J458" s="123"/>
      <c r="K458" s="65"/>
      <c r="L458" s="67"/>
    </row>
    <row r="459" spans="2:12" s="70" customFormat="1" ht="16.149999999999999" customHeight="1">
      <c r="B459" s="80"/>
      <c r="C459" s="130" t="s">
        <v>188</v>
      </c>
      <c r="D459" s="80"/>
      <c r="E459" s="201"/>
      <c r="F459" s="89"/>
      <c r="G459" s="214"/>
      <c r="H459" s="100"/>
      <c r="I459" s="229"/>
      <c r="J459" s="124"/>
      <c r="K459" s="65"/>
      <c r="L459" s="67"/>
    </row>
    <row r="460" spans="2:12" s="70" customFormat="1" ht="16.149999999999999" customHeight="1">
      <c r="B460" s="81"/>
      <c r="C460" s="170" t="s">
        <v>186</v>
      </c>
      <c r="D460" s="81"/>
      <c r="E460" s="85">
        <v>21.72</v>
      </c>
      <c r="F460" s="204" t="s">
        <v>5</v>
      </c>
      <c r="G460" s="211"/>
      <c r="H460" s="99"/>
      <c r="I460" s="106"/>
      <c r="J460" s="125"/>
      <c r="K460" s="65"/>
      <c r="L460" s="67"/>
    </row>
    <row r="461" spans="2:12" s="70" customFormat="1" ht="16.149999999999999" customHeight="1">
      <c r="B461" s="80"/>
      <c r="C461" s="130"/>
      <c r="D461" s="80" t="s">
        <v>191</v>
      </c>
      <c r="E461" s="201"/>
      <c r="F461" s="89"/>
      <c r="G461" s="214"/>
      <c r="H461" s="100"/>
      <c r="I461" s="105"/>
      <c r="J461" s="120"/>
      <c r="K461" s="65"/>
      <c r="L461" s="67"/>
    </row>
    <row r="462" spans="2:12" s="70" customFormat="1" ht="16.149999999999999" customHeight="1">
      <c r="B462" s="81"/>
      <c r="C462" s="170" t="s">
        <v>189</v>
      </c>
      <c r="D462" s="81"/>
      <c r="E462" s="85">
        <v>33.93</v>
      </c>
      <c r="F462" s="204" t="s">
        <v>5</v>
      </c>
      <c r="G462" s="211"/>
      <c r="H462" s="99"/>
      <c r="I462" s="106"/>
      <c r="J462" s="125"/>
      <c r="K462" s="65"/>
      <c r="L462" s="67"/>
    </row>
    <row r="463" spans="2:12" ht="21" customHeight="1">
      <c r="B463" s="65" t="s">
        <v>21</v>
      </c>
      <c r="G463" s="207"/>
    </row>
    <row r="464" spans="2:12" ht="25.5" customHeight="1">
      <c r="B464" s="71" t="s">
        <v>366</v>
      </c>
      <c r="C464" s="77" t="str">
        <v>科目名称　４．杭基礎撤去工事</v>
      </c>
      <c r="D464" s="77"/>
      <c r="E464" s="82"/>
      <c r="F464" s="87"/>
      <c r="G464" s="208"/>
      <c r="H464" s="97"/>
      <c r="I464" s="101"/>
      <c r="J464" s="113"/>
    </row>
    <row r="465" spans="2:12" s="67" customFormat="1" ht="21.75" customHeight="1">
      <c r="B465" s="72" t="s">
        <v>9</v>
      </c>
      <c r="C465" s="72" t="s">
        <v>73</v>
      </c>
      <c r="D465" s="114"/>
      <c r="E465" s="83" t="s">
        <v>20</v>
      </c>
      <c r="F465" s="88" t="s">
        <v>26</v>
      </c>
      <c r="G465" s="209" t="s">
        <v>30</v>
      </c>
      <c r="H465" s="98" t="s">
        <v>11</v>
      </c>
      <c r="I465" s="72" t="s">
        <v>23</v>
      </c>
      <c r="J465" s="114"/>
      <c r="L465" s="69"/>
    </row>
    <row r="466" spans="2:12" s="70" customFormat="1" ht="16.149999999999999" customHeight="1">
      <c r="B466" s="75"/>
      <c r="C466" s="130"/>
      <c r="D466" s="142"/>
      <c r="E466" s="84"/>
      <c r="F466" s="80"/>
      <c r="G466" s="214"/>
      <c r="H466" s="96"/>
      <c r="I466" s="110"/>
      <c r="J466" s="124"/>
      <c r="K466" s="65"/>
      <c r="L466" s="67"/>
    </row>
    <row r="467" spans="2:12" s="70" customFormat="1" ht="16.149999999999999" customHeight="1">
      <c r="B467" s="129"/>
      <c r="C467" s="166" t="s">
        <v>42</v>
      </c>
      <c r="D467" s="74"/>
      <c r="E467" s="85"/>
      <c r="F467" s="90"/>
      <c r="G467" s="213"/>
      <c r="H467" s="99"/>
      <c r="I467" s="106"/>
      <c r="J467" s="125"/>
      <c r="K467" s="65"/>
      <c r="L467" s="67"/>
    </row>
    <row r="468" spans="2:12" ht="16.149999999999999" customHeight="1">
      <c r="B468" s="150"/>
      <c r="C468" s="142"/>
      <c r="D468" s="142"/>
      <c r="E468" s="84"/>
      <c r="F468" s="80"/>
      <c r="G468" s="214"/>
      <c r="H468" s="80"/>
      <c r="I468" s="110"/>
      <c r="J468" s="124"/>
      <c r="L468" s="67"/>
    </row>
    <row r="469" spans="2:12" ht="16.149999999999999" customHeight="1">
      <c r="B469" s="81" t="s">
        <v>181</v>
      </c>
      <c r="C469" s="74"/>
      <c r="D469" s="81"/>
      <c r="E469" s="85"/>
      <c r="F469" s="90"/>
      <c r="G469" s="213"/>
      <c r="H469" s="81"/>
      <c r="I469" s="106"/>
      <c r="J469" s="125"/>
      <c r="L469" s="67"/>
    </row>
    <row r="470" spans="2:12" ht="16.149999999999999" customHeight="1">
      <c r="B470" s="142"/>
      <c r="C470" s="71"/>
      <c r="D470" s="80" t="s">
        <v>59</v>
      </c>
      <c r="E470" s="84"/>
      <c r="F470" s="89"/>
      <c r="G470" s="210"/>
      <c r="H470" s="100"/>
      <c r="I470" s="222"/>
      <c r="J470" s="236"/>
      <c r="L470" s="67"/>
    </row>
    <row r="471" spans="2:12" ht="16.149999999999999" customHeight="1">
      <c r="B471" s="145" t="s">
        <v>139</v>
      </c>
      <c r="C471" s="74" t="s">
        <v>165</v>
      </c>
      <c r="D471" s="81" t="s">
        <v>169</v>
      </c>
      <c r="E471" s="85">
        <v>13</v>
      </c>
      <c r="F471" s="204" t="s">
        <v>172</v>
      </c>
      <c r="G471" s="211"/>
      <c r="H471" s="99"/>
      <c r="I471" s="106"/>
      <c r="J471" s="119"/>
      <c r="L471" s="67"/>
    </row>
    <row r="472" spans="2:12" ht="16.149999999999999" customHeight="1">
      <c r="B472" s="144"/>
      <c r="C472" s="130"/>
      <c r="D472" s="80"/>
      <c r="E472" s="201"/>
      <c r="F472" s="89"/>
      <c r="G472" s="210"/>
      <c r="H472" s="100"/>
      <c r="I472" s="105"/>
      <c r="J472" s="120"/>
      <c r="L472" s="67"/>
    </row>
    <row r="473" spans="2:12" ht="16.149999999999999" customHeight="1">
      <c r="B473" s="147"/>
      <c r="C473" s="170" t="s">
        <v>182</v>
      </c>
      <c r="D473" s="81"/>
      <c r="E473" s="85">
        <v>2.94</v>
      </c>
      <c r="F473" s="204" t="s">
        <v>5</v>
      </c>
      <c r="G473" s="211"/>
      <c r="H473" s="99"/>
      <c r="I473" s="106"/>
      <c r="J473" s="123"/>
      <c r="L473" s="67"/>
    </row>
    <row r="474" spans="2:12" ht="16.149999999999999" customHeight="1">
      <c r="B474" s="144"/>
      <c r="C474" s="130" t="s">
        <v>188</v>
      </c>
      <c r="D474" s="80"/>
      <c r="E474" s="201"/>
      <c r="F474" s="89"/>
      <c r="G474" s="210"/>
      <c r="H474" s="100"/>
      <c r="I474" s="229"/>
      <c r="J474" s="124"/>
      <c r="L474" s="67"/>
    </row>
    <row r="475" spans="2:12" ht="16.149999999999999" customHeight="1">
      <c r="B475" s="149"/>
      <c r="C475" s="170" t="s">
        <v>186</v>
      </c>
      <c r="D475" s="81"/>
      <c r="E475" s="85">
        <v>2.94</v>
      </c>
      <c r="F475" s="204" t="s">
        <v>5</v>
      </c>
      <c r="G475" s="211"/>
      <c r="H475" s="99"/>
      <c r="I475" s="106"/>
      <c r="J475" s="125"/>
      <c r="L475" s="67"/>
    </row>
    <row r="476" spans="2:12" ht="16.149999999999999" customHeight="1">
      <c r="B476" s="148"/>
      <c r="C476" s="130"/>
      <c r="D476" s="80" t="s">
        <v>191</v>
      </c>
      <c r="E476" s="201"/>
      <c r="F476" s="89"/>
      <c r="G476" s="210"/>
      <c r="H476" s="100"/>
      <c r="I476" s="105"/>
      <c r="J476" s="120"/>
      <c r="L476" s="67"/>
    </row>
    <row r="477" spans="2:12" ht="16.149999999999999" customHeight="1">
      <c r="B477" s="145"/>
      <c r="C477" s="170" t="s">
        <v>189</v>
      </c>
      <c r="D477" s="81"/>
      <c r="E477" s="85">
        <v>4.59</v>
      </c>
      <c r="F477" s="204" t="s">
        <v>5</v>
      </c>
      <c r="G477" s="211"/>
      <c r="H477" s="99"/>
      <c r="I477" s="106"/>
      <c r="J477" s="122"/>
      <c r="L477" s="67"/>
    </row>
    <row r="478" spans="2:12" ht="16.149999999999999" customHeight="1">
      <c r="B478" s="146"/>
      <c r="C478" s="130"/>
      <c r="D478" s="80"/>
      <c r="E478" s="201"/>
      <c r="F478" s="89"/>
      <c r="G478" s="214"/>
      <c r="H478" s="80"/>
      <c r="I478" s="229"/>
      <c r="J478" s="124"/>
      <c r="L478" s="67"/>
    </row>
    <row r="479" spans="2:12" ht="16.149999999999999" customHeight="1">
      <c r="B479" s="145"/>
      <c r="C479" s="166" t="s">
        <v>42</v>
      </c>
      <c r="D479" s="81"/>
      <c r="E479" s="85"/>
      <c r="F479" s="204"/>
      <c r="G479" s="213"/>
      <c r="H479" s="221"/>
      <c r="I479" s="106"/>
      <c r="J479" s="125"/>
      <c r="L479" s="67"/>
    </row>
    <row r="480" spans="2:12" ht="16.149999999999999" customHeight="1">
      <c r="B480" s="142"/>
      <c r="C480" s="71"/>
      <c r="D480" s="80"/>
      <c r="E480" s="201"/>
      <c r="F480" s="89"/>
      <c r="G480" s="214"/>
      <c r="H480" s="96"/>
      <c r="I480" s="110"/>
      <c r="J480" s="121"/>
      <c r="L480" s="67"/>
    </row>
    <row r="481" spans="2:12" ht="16.149999999999999" customHeight="1">
      <c r="B481" s="145"/>
      <c r="C481" s="74"/>
      <c r="D481" s="81"/>
      <c r="E481" s="85"/>
      <c r="F481" s="204"/>
      <c r="G481" s="213"/>
      <c r="H481" s="99"/>
      <c r="I481" s="106"/>
      <c r="J481" s="122"/>
      <c r="L481" s="67"/>
    </row>
    <row r="482" spans="2:12" s="70" customFormat="1" ht="16.149999999999999" customHeight="1">
      <c r="B482" s="71"/>
      <c r="C482" s="130"/>
      <c r="D482" s="80"/>
      <c r="E482" s="201"/>
      <c r="F482" s="89"/>
      <c r="G482" s="214"/>
      <c r="H482" s="96"/>
      <c r="I482" s="110"/>
      <c r="J482" s="121"/>
      <c r="K482" s="65"/>
      <c r="L482" s="67"/>
    </row>
    <row r="483" spans="2:12" s="70" customFormat="1" ht="16.149999999999999" customHeight="1">
      <c r="B483" s="74"/>
      <c r="C483" s="166"/>
      <c r="D483" s="81"/>
      <c r="E483" s="85"/>
      <c r="F483" s="204"/>
      <c r="G483" s="213"/>
      <c r="H483" s="99"/>
      <c r="I483" s="106"/>
      <c r="J483" s="122"/>
      <c r="K483" s="65"/>
      <c r="L483" s="67"/>
    </row>
    <row r="484" spans="2:12" s="70" customFormat="1" ht="16.149999999999999" customHeight="1">
      <c r="B484" s="75"/>
      <c r="C484" s="75"/>
      <c r="D484" s="142"/>
      <c r="E484" s="84"/>
      <c r="F484" s="80"/>
      <c r="G484" s="214"/>
      <c r="H484" s="96"/>
      <c r="I484" s="230"/>
      <c r="J484" s="121"/>
      <c r="K484" s="65"/>
      <c r="L484" s="67"/>
    </row>
    <row r="485" spans="2:12" s="70" customFormat="1" ht="16.149999999999999" customHeight="1">
      <c r="B485" s="81"/>
      <c r="C485" s="177"/>
      <c r="D485" s="81"/>
      <c r="E485" s="85"/>
      <c r="F485" s="90"/>
      <c r="G485" s="213"/>
      <c r="H485" s="99"/>
      <c r="I485" s="225"/>
      <c r="J485" s="122"/>
      <c r="K485" s="65"/>
      <c r="L485" s="67"/>
    </row>
    <row r="486" spans="2:12" s="70" customFormat="1" ht="16.149999999999999" customHeight="1">
      <c r="B486" s="80"/>
      <c r="C486" s="80"/>
      <c r="D486" s="142"/>
      <c r="E486" s="84"/>
      <c r="F486" s="80"/>
      <c r="G486" s="214"/>
      <c r="H486" s="96"/>
      <c r="I486" s="110"/>
      <c r="J486" s="124"/>
      <c r="K486" s="65"/>
      <c r="L486" s="67"/>
    </row>
    <row r="487" spans="2:12" s="70" customFormat="1" ht="16.149999999999999" customHeight="1">
      <c r="B487" s="81"/>
      <c r="C487" s="81"/>
      <c r="D487" s="81"/>
      <c r="E487" s="85"/>
      <c r="F487" s="90"/>
      <c r="G487" s="213"/>
      <c r="H487" s="99"/>
      <c r="I487" s="106"/>
      <c r="J487" s="125"/>
      <c r="K487" s="65"/>
      <c r="L487" s="67"/>
    </row>
    <row r="488" spans="2:12" s="70" customFormat="1" ht="16.149999999999999" customHeight="1">
      <c r="B488" s="80"/>
      <c r="C488" s="150"/>
      <c r="D488" s="150"/>
      <c r="E488" s="84"/>
      <c r="F488" s="80"/>
      <c r="G488" s="215"/>
      <c r="H488" s="100"/>
      <c r="I488" s="133"/>
      <c r="J488" s="123"/>
      <c r="K488" s="65"/>
      <c r="L488" s="67"/>
    </row>
    <row r="489" spans="2:12" s="70" customFormat="1" ht="16.149999999999999" customHeight="1">
      <c r="B489" s="81"/>
      <c r="C489" s="81"/>
      <c r="D489" s="81"/>
      <c r="E489" s="85"/>
      <c r="F489" s="90"/>
      <c r="G489" s="215"/>
      <c r="H489" s="100"/>
      <c r="I489" s="133"/>
      <c r="J489" s="123"/>
      <c r="K489" s="65"/>
      <c r="L489" s="67"/>
    </row>
    <row r="490" spans="2:12" s="70" customFormat="1" ht="16.149999999999999" customHeight="1">
      <c r="B490" s="80"/>
      <c r="C490" s="142"/>
      <c r="D490" s="142"/>
      <c r="E490" s="84"/>
      <c r="F490" s="80"/>
      <c r="G490" s="214"/>
      <c r="H490" s="96"/>
      <c r="I490" s="229"/>
      <c r="J490" s="124"/>
      <c r="K490" s="65"/>
      <c r="L490" s="67"/>
    </row>
    <row r="491" spans="2:12" s="70" customFormat="1" ht="16.149999999999999" customHeight="1">
      <c r="B491" s="81"/>
      <c r="C491" s="74"/>
      <c r="D491" s="74"/>
      <c r="E491" s="85"/>
      <c r="F491" s="90"/>
      <c r="G491" s="213"/>
      <c r="H491" s="99"/>
      <c r="I491" s="106"/>
      <c r="J491" s="125"/>
      <c r="K491" s="65"/>
      <c r="L491" s="67"/>
    </row>
    <row r="492" spans="2:12" s="70" customFormat="1" ht="16.149999999999999" customHeight="1">
      <c r="B492" s="150"/>
      <c r="C492" s="75"/>
      <c r="D492" s="150"/>
      <c r="E492" s="84"/>
      <c r="F492" s="80"/>
      <c r="G492" s="214"/>
      <c r="H492" s="96"/>
      <c r="I492" s="133"/>
      <c r="J492" s="124"/>
      <c r="K492" s="65"/>
      <c r="L492" s="67"/>
    </row>
    <row r="493" spans="2:12" s="70" customFormat="1" ht="16.149999999999999" customHeight="1">
      <c r="B493" s="81"/>
      <c r="C493" s="81"/>
      <c r="D493" s="81"/>
      <c r="E493" s="85"/>
      <c r="F493" s="90"/>
      <c r="G493" s="213"/>
      <c r="H493" s="99"/>
      <c r="I493" s="106"/>
      <c r="J493" s="125"/>
      <c r="K493" s="65"/>
      <c r="L493" s="67"/>
    </row>
    <row r="494" spans="2:12" s="70" customFormat="1" ht="16.149999999999999" customHeight="1">
      <c r="B494" s="80"/>
      <c r="C494" s="142"/>
      <c r="D494" s="142"/>
      <c r="E494" s="84"/>
      <c r="F494" s="80"/>
      <c r="G494" s="214"/>
      <c r="H494" s="96"/>
      <c r="I494" s="110"/>
      <c r="J494" s="123"/>
      <c r="K494" s="65"/>
      <c r="L494" s="67"/>
    </row>
    <row r="495" spans="2:12" s="70" customFormat="1" ht="16.149999999999999" customHeight="1">
      <c r="B495" s="81"/>
      <c r="C495" s="74"/>
      <c r="D495" s="74"/>
      <c r="E495" s="85"/>
      <c r="F495" s="90"/>
      <c r="G495" s="213"/>
      <c r="H495" s="99"/>
      <c r="I495" s="106"/>
      <c r="J495" s="123"/>
      <c r="K495" s="65"/>
      <c r="L495" s="67"/>
    </row>
    <row r="496" spans="2:12" ht="21" customHeight="1">
      <c r="B496" s="65" t="s">
        <v>21</v>
      </c>
      <c r="G496" s="207"/>
      <c r="L496" s="67"/>
    </row>
    <row r="497" spans="2:12" ht="25.5" customHeight="1">
      <c r="B497" s="71" t="s">
        <v>366</v>
      </c>
      <c r="C497" s="77" t="s">
        <v>193</v>
      </c>
      <c r="D497" s="77"/>
      <c r="E497" s="82"/>
      <c r="F497" s="77"/>
      <c r="G497" s="208"/>
      <c r="H497" s="97"/>
      <c r="I497" s="101"/>
      <c r="J497" s="113"/>
      <c r="L497" s="67"/>
    </row>
    <row r="498" spans="2:12" s="67" customFormat="1" ht="24" customHeight="1">
      <c r="B498" s="72" t="s">
        <v>9</v>
      </c>
      <c r="C498" s="72" t="s">
        <v>73</v>
      </c>
      <c r="D498" s="114"/>
      <c r="E498" s="83" t="s">
        <v>20</v>
      </c>
      <c r="F498" s="88" t="s">
        <v>26</v>
      </c>
      <c r="G498" s="209" t="s">
        <v>30</v>
      </c>
      <c r="H498" s="98" t="s">
        <v>11</v>
      </c>
      <c r="I498" s="72" t="s">
        <v>23</v>
      </c>
      <c r="J498" s="114"/>
      <c r="L498" s="69"/>
    </row>
    <row r="499" spans="2:12" ht="15.75" customHeight="1">
      <c r="B499" s="142"/>
      <c r="C499" s="178"/>
      <c r="D499" s="178"/>
      <c r="E499" s="84"/>
      <c r="F499" s="80"/>
      <c r="G499" s="210"/>
      <c r="H499" s="96"/>
      <c r="I499" s="110"/>
      <c r="J499" s="121"/>
      <c r="L499" s="67"/>
    </row>
    <row r="500" spans="2:12" ht="15.75" customHeight="1">
      <c r="B500" s="151" t="s">
        <v>187</v>
      </c>
      <c r="C500" s="179"/>
      <c r="D500" s="179"/>
      <c r="E500" s="85"/>
      <c r="F500" s="90"/>
      <c r="G500" s="213"/>
      <c r="H500" s="99"/>
      <c r="I500" s="106"/>
      <c r="J500" s="122"/>
      <c r="L500" s="67"/>
    </row>
    <row r="501" spans="2:12" ht="15.75" customHeight="1">
      <c r="B501" s="80"/>
      <c r="C501" s="142"/>
      <c r="D501" s="142"/>
      <c r="E501" s="84"/>
      <c r="F501" s="80"/>
      <c r="G501" s="214"/>
      <c r="H501" s="96"/>
      <c r="I501" s="110"/>
      <c r="J501" s="124"/>
      <c r="L501" s="67"/>
    </row>
    <row r="502" spans="2:12" s="70" customFormat="1" ht="15.75" customHeight="1">
      <c r="B502" s="81">
        <v>1</v>
      </c>
      <c r="C502" s="74" t="s">
        <v>84</v>
      </c>
      <c r="D502" s="74"/>
      <c r="E502" s="85">
        <v>1</v>
      </c>
      <c r="F502" s="90" t="s">
        <v>40</v>
      </c>
      <c r="G502" s="213"/>
      <c r="H502" s="99"/>
      <c r="I502" s="106"/>
      <c r="J502" s="125"/>
      <c r="K502" s="65"/>
      <c r="L502" s="67"/>
    </row>
    <row r="503" spans="2:12" ht="15.75" customHeight="1">
      <c r="B503" s="146"/>
      <c r="C503" s="71"/>
      <c r="D503" s="80"/>
      <c r="E503" s="84"/>
      <c r="F503" s="80"/>
      <c r="G503" s="215"/>
      <c r="H503" s="100"/>
      <c r="I503" s="133"/>
      <c r="J503" s="123"/>
      <c r="L503" s="67"/>
    </row>
    <row r="504" spans="2:12" ht="15.75" customHeight="1">
      <c r="B504" s="145">
        <v>2</v>
      </c>
      <c r="C504" s="74" t="s">
        <v>216</v>
      </c>
      <c r="D504" s="81"/>
      <c r="E504" s="85">
        <v>1</v>
      </c>
      <c r="F504" s="90" t="s">
        <v>40</v>
      </c>
      <c r="G504" s="215"/>
      <c r="H504" s="100"/>
      <c r="I504" s="133"/>
      <c r="J504" s="125"/>
      <c r="L504" s="67"/>
    </row>
    <row r="505" spans="2:12" s="70" customFormat="1" ht="15.75" customHeight="1">
      <c r="B505" s="142"/>
      <c r="C505" s="71"/>
      <c r="D505" s="80"/>
      <c r="E505" s="84"/>
      <c r="F505" s="80"/>
      <c r="G505" s="214"/>
      <c r="H505" s="96"/>
      <c r="I505" s="229"/>
      <c r="J505" s="123"/>
      <c r="K505" s="65"/>
      <c r="L505" s="67"/>
    </row>
    <row r="506" spans="2:12" s="70" customFormat="1" ht="15.75" customHeight="1">
      <c r="B506" s="145">
        <v>3</v>
      </c>
      <c r="C506" s="74" t="s">
        <v>70</v>
      </c>
      <c r="D506" s="81"/>
      <c r="E506" s="85">
        <v>1</v>
      </c>
      <c r="F506" s="90" t="s">
        <v>40</v>
      </c>
      <c r="G506" s="213"/>
      <c r="H506" s="99"/>
      <c r="I506" s="106"/>
      <c r="J506" s="125"/>
      <c r="K506" s="65"/>
      <c r="L506" s="67"/>
    </row>
    <row r="507" spans="2:12" s="70" customFormat="1" ht="15.75" customHeight="1">
      <c r="B507" s="80"/>
      <c r="C507" s="130"/>
      <c r="D507" s="142"/>
      <c r="E507" s="84"/>
      <c r="F507" s="80"/>
      <c r="G507" s="215"/>
      <c r="H507" s="100"/>
      <c r="I507" s="133"/>
      <c r="J507" s="121"/>
      <c r="K507" s="65"/>
      <c r="L507" s="67"/>
    </row>
    <row r="508" spans="2:12" s="70" customFormat="1" ht="15.75" customHeight="1">
      <c r="B508" s="81"/>
      <c r="C508" s="166"/>
      <c r="D508" s="81"/>
      <c r="E508" s="85"/>
      <c r="F508" s="90"/>
      <c r="G508" s="215"/>
      <c r="H508" s="100"/>
      <c r="I508" s="133"/>
      <c r="J508" s="122"/>
      <c r="K508" s="65"/>
      <c r="L508" s="67"/>
    </row>
    <row r="509" spans="2:12" s="70" customFormat="1" ht="15.75" customHeight="1">
      <c r="B509" s="150"/>
      <c r="C509" s="142"/>
      <c r="D509" s="142"/>
      <c r="E509" s="84"/>
      <c r="F509" s="80"/>
      <c r="G509" s="214"/>
      <c r="H509" s="96"/>
      <c r="I509" s="229"/>
      <c r="J509" s="123"/>
      <c r="K509" s="65"/>
      <c r="L509" s="67"/>
    </row>
    <row r="510" spans="2:12" s="70" customFormat="1" ht="15.75" customHeight="1">
      <c r="B510" s="81"/>
      <c r="C510" s="74"/>
      <c r="D510" s="81"/>
      <c r="E510" s="85"/>
      <c r="F510" s="90"/>
      <c r="G510" s="213"/>
      <c r="H510" s="99"/>
      <c r="I510" s="106"/>
      <c r="J510" s="240"/>
      <c r="K510" s="65"/>
      <c r="L510" s="67"/>
    </row>
    <row r="511" spans="2:12" s="70" customFormat="1" ht="15.75" customHeight="1">
      <c r="B511" s="142"/>
      <c r="C511" s="71"/>
      <c r="D511" s="80"/>
      <c r="E511" s="84"/>
      <c r="F511" s="89"/>
      <c r="G511" s="214"/>
      <c r="H511" s="96"/>
      <c r="I511" s="110"/>
      <c r="J511" s="121"/>
      <c r="K511" s="65"/>
      <c r="L511" s="67"/>
    </row>
    <row r="512" spans="2:12" s="70" customFormat="1" ht="15.75" customHeight="1">
      <c r="B512" s="145"/>
      <c r="C512" s="74"/>
      <c r="D512" s="81"/>
      <c r="E512" s="85"/>
      <c r="F512" s="204"/>
      <c r="G512" s="213"/>
      <c r="H512" s="99"/>
      <c r="I512" s="106"/>
      <c r="J512" s="122"/>
      <c r="K512" s="65"/>
      <c r="L512" s="67"/>
    </row>
    <row r="513" spans="2:12" s="70" customFormat="1" ht="15.75" customHeight="1">
      <c r="B513" s="80"/>
      <c r="C513" s="130"/>
      <c r="D513" s="142"/>
      <c r="E513" s="84"/>
      <c r="F513" s="80"/>
      <c r="G513" s="214"/>
      <c r="H513" s="96"/>
      <c r="I513" s="110"/>
      <c r="J513" s="124"/>
      <c r="K513" s="65"/>
      <c r="L513" s="67"/>
    </row>
    <row r="514" spans="2:12" s="70" customFormat="1" ht="15.75" customHeight="1">
      <c r="B514" s="81"/>
      <c r="C514" s="166"/>
      <c r="D514" s="81"/>
      <c r="E514" s="85"/>
      <c r="F514" s="90"/>
      <c r="G514" s="213"/>
      <c r="H514" s="99"/>
      <c r="I514" s="106"/>
      <c r="J514" s="125"/>
      <c r="K514" s="65"/>
      <c r="L514" s="67"/>
    </row>
    <row r="515" spans="2:12" s="70" customFormat="1" ht="15.75" customHeight="1">
      <c r="B515" s="75"/>
      <c r="C515" s="153"/>
      <c r="D515" s="178"/>
      <c r="E515" s="84"/>
      <c r="F515" s="80"/>
      <c r="G515" s="212"/>
      <c r="H515" s="96"/>
      <c r="I515" s="110"/>
      <c r="J515" s="124"/>
      <c r="K515" s="65"/>
      <c r="L515" s="67"/>
    </row>
    <row r="516" spans="2:12" s="70" customFormat="1" ht="15.75" customHeight="1">
      <c r="B516" s="145"/>
      <c r="C516" s="156"/>
      <c r="D516" s="179"/>
      <c r="E516" s="85"/>
      <c r="F516" s="90"/>
      <c r="G516" s="213"/>
      <c r="H516" s="99"/>
      <c r="I516" s="106"/>
      <c r="J516" s="125"/>
      <c r="K516" s="65"/>
      <c r="L516" s="67"/>
    </row>
    <row r="517" spans="2:12" s="70" customFormat="1" ht="15.75" customHeight="1">
      <c r="B517" s="80"/>
      <c r="C517" s="178"/>
      <c r="D517" s="178"/>
      <c r="E517" s="84"/>
      <c r="F517" s="80"/>
      <c r="G517" s="215"/>
      <c r="H517" s="100"/>
      <c r="I517" s="133"/>
      <c r="J517" s="123"/>
      <c r="K517" s="65"/>
      <c r="L517" s="67"/>
    </row>
    <row r="518" spans="2:12" s="70" customFormat="1" ht="15.75" customHeight="1">
      <c r="B518" s="141"/>
      <c r="C518" s="179"/>
      <c r="D518" s="179"/>
      <c r="E518" s="85"/>
      <c r="F518" s="90"/>
      <c r="G518" s="215"/>
      <c r="H518" s="100"/>
      <c r="I518" s="133"/>
      <c r="J518" s="123"/>
      <c r="K518" s="65"/>
      <c r="L518" s="67"/>
    </row>
    <row r="519" spans="2:12" s="70" customFormat="1" ht="15.75" customHeight="1">
      <c r="B519" s="75"/>
      <c r="C519" s="178"/>
      <c r="D519" s="178"/>
      <c r="E519" s="84"/>
      <c r="F519" s="80"/>
      <c r="G519" s="214"/>
      <c r="H519" s="96"/>
      <c r="I519" s="110"/>
      <c r="J519" s="124"/>
      <c r="K519" s="65"/>
      <c r="L519" s="67"/>
    </row>
    <row r="520" spans="2:12" s="70" customFormat="1" ht="15.75" customHeight="1">
      <c r="B520" s="74"/>
      <c r="C520" s="179"/>
      <c r="D520" s="179"/>
      <c r="E520" s="85"/>
      <c r="F520" s="90"/>
      <c r="G520" s="213"/>
      <c r="H520" s="99"/>
      <c r="I520" s="106"/>
      <c r="J520" s="125"/>
      <c r="K520" s="65"/>
      <c r="L520" s="67"/>
    </row>
    <row r="521" spans="2:12" s="70" customFormat="1" ht="15.75" customHeight="1">
      <c r="B521" s="142"/>
      <c r="C521" s="178"/>
      <c r="D521" s="178"/>
      <c r="E521" s="84"/>
      <c r="F521" s="80"/>
      <c r="G521" s="215"/>
      <c r="H521" s="100"/>
      <c r="I521" s="133"/>
      <c r="J521" s="123"/>
      <c r="K521" s="65"/>
      <c r="L521" s="67"/>
    </row>
    <row r="522" spans="2:12" s="70" customFormat="1" ht="15.75" customHeight="1">
      <c r="B522" s="145"/>
      <c r="C522" s="179"/>
      <c r="D522" s="179"/>
      <c r="E522" s="85"/>
      <c r="F522" s="90"/>
      <c r="G522" s="215"/>
      <c r="H522" s="100"/>
      <c r="I522" s="133"/>
      <c r="J522" s="125"/>
      <c r="K522" s="65"/>
      <c r="L522" s="67"/>
    </row>
    <row r="523" spans="2:12" s="70" customFormat="1" ht="15.75" customHeight="1">
      <c r="B523" s="146"/>
      <c r="C523" s="180"/>
      <c r="D523" s="178"/>
      <c r="E523" s="84"/>
      <c r="F523" s="80"/>
      <c r="G523" s="214"/>
      <c r="H523" s="96"/>
      <c r="I523" s="229"/>
      <c r="J523" s="123"/>
      <c r="K523" s="65"/>
      <c r="L523" s="67"/>
    </row>
    <row r="524" spans="2:12" s="70" customFormat="1" ht="15.75" customHeight="1">
      <c r="B524" s="146"/>
      <c r="C524" s="179"/>
      <c r="D524" s="179"/>
      <c r="E524" s="85"/>
      <c r="F524" s="90"/>
      <c r="G524" s="213"/>
      <c r="H524" s="99"/>
      <c r="I524" s="106"/>
      <c r="J524" s="125"/>
      <c r="K524" s="65"/>
      <c r="L524" s="67"/>
    </row>
    <row r="525" spans="2:12" s="70" customFormat="1" ht="15.75" customHeight="1">
      <c r="B525" s="80"/>
      <c r="C525" s="178"/>
      <c r="D525" s="178"/>
      <c r="E525" s="84"/>
      <c r="F525" s="80"/>
      <c r="G525" s="214"/>
      <c r="H525" s="96"/>
      <c r="I525" s="110"/>
      <c r="J525" s="124"/>
      <c r="K525" s="65"/>
      <c r="L525" s="67"/>
    </row>
    <row r="526" spans="2:12" s="70" customFormat="1" ht="15.75" customHeight="1">
      <c r="B526" s="141"/>
      <c r="C526" s="179"/>
      <c r="D526" s="179"/>
      <c r="E526" s="85"/>
      <c r="F526" s="90"/>
      <c r="G526" s="213"/>
      <c r="H526" s="99"/>
      <c r="I526" s="106"/>
      <c r="J526" s="125"/>
      <c r="K526" s="65"/>
      <c r="L526" s="67"/>
    </row>
    <row r="527" spans="2:12" s="70" customFormat="1" ht="15.75" customHeight="1">
      <c r="B527" s="75"/>
      <c r="C527" s="181"/>
      <c r="D527" s="181"/>
      <c r="E527" s="84"/>
      <c r="F527" s="80"/>
      <c r="G527" s="214"/>
      <c r="H527" s="96"/>
      <c r="I527" s="110"/>
      <c r="J527" s="124"/>
      <c r="K527" s="65"/>
      <c r="L527" s="67"/>
    </row>
    <row r="528" spans="2:12" s="70" customFormat="1" ht="15.75" customHeight="1">
      <c r="B528" s="129" t="s">
        <v>41</v>
      </c>
      <c r="C528" s="179"/>
      <c r="D528" s="179"/>
      <c r="E528" s="85"/>
      <c r="F528" s="90"/>
      <c r="G528" s="213"/>
      <c r="H528" s="99"/>
      <c r="I528" s="106"/>
      <c r="J528" s="125"/>
      <c r="K528" s="65"/>
      <c r="L528" s="67"/>
    </row>
    <row r="529" spans="2:12" ht="21" customHeight="1">
      <c r="B529" s="65" t="s">
        <v>21</v>
      </c>
      <c r="G529" s="207"/>
      <c r="L529" s="67"/>
    </row>
    <row r="530" spans="2:12" ht="25.5" customHeight="1">
      <c r="B530" s="71" t="s">
        <v>366</v>
      </c>
      <c r="C530" s="77" t="str">
        <v>科目名称　５．外構他撤去</v>
      </c>
      <c r="D530" s="77"/>
      <c r="E530" s="82"/>
      <c r="F530" s="77"/>
      <c r="G530" s="208"/>
      <c r="H530" s="97"/>
      <c r="I530" s="101"/>
      <c r="J530" s="113"/>
      <c r="L530" s="67"/>
    </row>
    <row r="531" spans="2:12" s="67" customFormat="1" ht="24" customHeight="1">
      <c r="B531" s="72" t="s">
        <v>9</v>
      </c>
      <c r="C531" s="72" t="s">
        <v>73</v>
      </c>
      <c r="D531" s="114"/>
      <c r="E531" s="83" t="s">
        <v>20</v>
      </c>
      <c r="F531" s="88" t="s">
        <v>26</v>
      </c>
      <c r="G531" s="209" t="s">
        <v>30</v>
      </c>
      <c r="H531" s="98" t="s">
        <v>11</v>
      </c>
      <c r="I531" s="72" t="s">
        <v>23</v>
      </c>
      <c r="J531" s="114"/>
      <c r="L531" s="69"/>
    </row>
    <row r="532" spans="2:12" ht="15.75" customHeight="1">
      <c r="B532" s="142"/>
      <c r="C532" s="178"/>
      <c r="D532" s="178"/>
      <c r="E532" s="84"/>
      <c r="F532" s="80"/>
      <c r="G532" s="210"/>
      <c r="H532" s="96"/>
      <c r="I532" s="110"/>
      <c r="J532" s="121"/>
      <c r="L532" s="67"/>
    </row>
    <row r="533" spans="2:12" ht="15.75" customHeight="1">
      <c r="B533" s="151" t="s">
        <v>197</v>
      </c>
      <c r="C533" s="141" t="s">
        <v>244</v>
      </c>
      <c r="D533" s="179"/>
      <c r="E533" s="85"/>
      <c r="F533" s="90"/>
      <c r="G533" s="213"/>
      <c r="H533" s="99"/>
      <c r="I533" s="106"/>
      <c r="J533" s="122"/>
      <c r="L533" s="67"/>
    </row>
    <row r="534" spans="2:12" ht="15.75" customHeight="1">
      <c r="B534" s="146"/>
      <c r="C534" s="178"/>
      <c r="D534" s="178"/>
      <c r="E534" s="84"/>
      <c r="F534" s="80"/>
      <c r="G534" s="214"/>
      <c r="H534" s="96"/>
      <c r="I534" s="133"/>
      <c r="J534" s="124"/>
      <c r="L534" s="67"/>
    </row>
    <row r="535" spans="2:12" s="70" customFormat="1" ht="15.75" customHeight="1">
      <c r="B535" s="146"/>
      <c r="C535" s="179" t="s">
        <v>200</v>
      </c>
      <c r="D535" s="179" t="s">
        <v>207</v>
      </c>
      <c r="E535" s="85">
        <v>1</v>
      </c>
      <c r="F535" s="90" t="s">
        <v>172</v>
      </c>
      <c r="G535" s="211"/>
      <c r="H535" s="99"/>
      <c r="I535" s="106"/>
      <c r="J535" s="125"/>
      <c r="K535" s="65"/>
      <c r="L535" s="67"/>
    </row>
    <row r="536" spans="2:12" ht="15.75" customHeight="1">
      <c r="B536" s="75"/>
      <c r="C536" s="178"/>
      <c r="D536" s="178"/>
      <c r="E536" s="84"/>
      <c r="F536" s="80"/>
      <c r="G536" s="214"/>
      <c r="H536" s="96"/>
      <c r="I536" s="133"/>
      <c r="J536" s="123"/>
      <c r="L536" s="67"/>
    </row>
    <row r="537" spans="2:12" ht="15.75" customHeight="1">
      <c r="B537" s="146"/>
      <c r="C537" s="179" t="s">
        <v>201</v>
      </c>
      <c r="D537" s="179" t="s">
        <v>208</v>
      </c>
      <c r="E537" s="85">
        <v>1</v>
      </c>
      <c r="F537" s="90" t="s">
        <v>172</v>
      </c>
      <c r="G537" s="211"/>
      <c r="H537" s="99"/>
      <c r="I537" s="225"/>
      <c r="J537" s="125"/>
      <c r="L537" s="67"/>
    </row>
    <row r="538" spans="2:12" s="70" customFormat="1" ht="15.75" customHeight="1">
      <c r="B538" s="89"/>
      <c r="C538" s="178"/>
      <c r="D538" s="178"/>
      <c r="E538" s="84"/>
      <c r="F538" s="80"/>
      <c r="G538" s="214"/>
      <c r="H538" s="96"/>
      <c r="I538" s="133"/>
      <c r="J538" s="123"/>
      <c r="K538" s="65"/>
      <c r="L538" s="67"/>
    </row>
    <row r="539" spans="2:12" s="70" customFormat="1" ht="15.75" customHeight="1">
      <c r="B539" s="145"/>
      <c r="C539" s="179" t="s">
        <v>204</v>
      </c>
      <c r="D539" s="179" t="s">
        <v>209</v>
      </c>
      <c r="E539" s="85">
        <v>1</v>
      </c>
      <c r="F539" s="90" t="s">
        <v>172</v>
      </c>
      <c r="G539" s="211"/>
      <c r="H539" s="99"/>
      <c r="I539" s="225"/>
      <c r="J539" s="125"/>
      <c r="K539" s="65"/>
      <c r="L539" s="67"/>
    </row>
    <row r="540" spans="2:12" s="70" customFormat="1" ht="15.75" customHeight="1">
      <c r="B540" s="146"/>
      <c r="C540" s="178"/>
      <c r="D540" s="178"/>
      <c r="E540" s="84"/>
      <c r="F540" s="80"/>
      <c r="G540" s="214"/>
      <c r="H540" s="96"/>
      <c r="I540" s="133"/>
      <c r="J540" s="123"/>
      <c r="K540" s="65"/>
      <c r="L540" s="67"/>
    </row>
    <row r="541" spans="2:12" s="70" customFormat="1" ht="15.75" customHeight="1">
      <c r="B541" s="146"/>
      <c r="C541" s="179" t="s">
        <v>204</v>
      </c>
      <c r="D541" s="179" t="s">
        <v>171</v>
      </c>
      <c r="E541" s="85">
        <v>2</v>
      </c>
      <c r="F541" s="90" t="s">
        <v>172</v>
      </c>
      <c r="G541" s="211"/>
      <c r="H541" s="99"/>
      <c r="I541" s="225"/>
      <c r="J541" s="125"/>
      <c r="K541" s="65"/>
      <c r="L541" s="67"/>
    </row>
    <row r="542" spans="2:12" s="70" customFormat="1" ht="15.75" customHeight="1">
      <c r="B542" s="75"/>
      <c r="C542" s="178"/>
      <c r="D542" s="178"/>
      <c r="E542" s="84"/>
      <c r="F542" s="80"/>
      <c r="G542" s="214"/>
      <c r="H542" s="96"/>
      <c r="I542" s="133"/>
      <c r="J542" s="123"/>
      <c r="K542" s="65"/>
      <c r="L542" s="67"/>
    </row>
    <row r="543" spans="2:12" s="70" customFormat="1" ht="15.75" customHeight="1">
      <c r="B543" s="74"/>
      <c r="C543" s="179" t="s">
        <v>205</v>
      </c>
      <c r="D543" s="179" t="s">
        <v>210</v>
      </c>
      <c r="E543" s="85">
        <v>12</v>
      </c>
      <c r="F543" s="90" t="s">
        <v>172</v>
      </c>
      <c r="G543" s="211"/>
      <c r="H543" s="99"/>
      <c r="I543" s="225"/>
      <c r="J543" s="125"/>
      <c r="K543" s="65"/>
      <c r="L543" s="67"/>
    </row>
    <row r="544" spans="2:12" s="70" customFormat="1" ht="15.75" customHeight="1">
      <c r="B544" s="75"/>
      <c r="C544" s="153"/>
      <c r="D544" s="178"/>
      <c r="E544" s="84"/>
      <c r="F544" s="80"/>
      <c r="G544" s="214"/>
      <c r="H544" s="96"/>
      <c r="I544" s="133"/>
      <c r="J544" s="123"/>
      <c r="K544" s="65"/>
      <c r="L544" s="67"/>
    </row>
    <row r="545" spans="2:12" s="70" customFormat="1" ht="15.75" customHeight="1">
      <c r="B545" s="145"/>
      <c r="C545" s="176" t="s">
        <v>206</v>
      </c>
      <c r="D545" s="179" t="s">
        <v>211</v>
      </c>
      <c r="E545" s="85">
        <v>45</v>
      </c>
      <c r="F545" s="90" t="s">
        <v>172</v>
      </c>
      <c r="G545" s="211"/>
      <c r="H545" s="99"/>
      <c r="I545" s="133"/>
      <c r="J545" s="125"/>
      <c r="K545" s="65"/>
      <c r="L545" s="67"/>
    </row>
    <row r="546" spans="2:12" s="70" customFormat="1" ht="15.75" customHeight="1">
      <c r="B546" s="73"/>
      <c r="C546" s="130"/>
      <c r="D546" s="178"/>
      <c r="E546" s="84"/>
      <c r="F546" s="80"/>
      <c r="G546" s="214"/>
      <c r="H546" s="96"/>
      <c r="I546" s="110"/>
      <c r="J546" s="124"/>
      <c r="K546" s="65"/>
      <c r="L546" s="67"/>
    </row>
    <row r="547" spans="2:12" s="70" customFormat="1" ht="15.75" customHeight="1">
      <c r="B547" s="74"/>
      <c r="C547" s="166" t="s">
        <v>42</v>
      </c>
      <c r="D547" s="179"/>
      <c r="E547" s="85"/>
      <c r="F547" s="90"/>
      <c r="G547" s="213"/>
      <c r="H547" s="99"/>
      <c r="I547" s="106"/>
      <c r="J547" s="125"/>
      <c r="K547" s="65"/>
      <c r="L547" s="67"/>
    </row>
    <row r="548" spans="2:12" s="70" customFormat="1" ht="15.75" customHeight="1">
      <c r="B548" s="75"/>
      <c r="C548" s="178"/>
      <c r="D548" s="178"/>
      <c r="E548" s="84"/>
      <c r="F548" s="80"/>
      <c r="G548" s="212"/>
      <c r="H548" s="96"/>
      <c r="I548" s="110"/>
      <c r="J548" s="124"/>
      <c r="K548" s="65"/>
      <c r="L548" s="67"/>
    </row>
    <row r="549" spans="2:12" s="70" customFormat="1" ht="15.75" customHeight="1">
      <c r="B549" s="74"/>
      <c r="C549" s="141"/>
      <c r="D549" s="179"/>
      <c r="E549" s="85"/>
      <c r="F549" s="90"/>
      <c r="G549" s="213"/>
      <c r="H549" s="99"/>
      <c r="I549" s="106"/>
      <c r="J549" s="125"/>
      <c r="K549" s="65"/>
      <c r="L549" s="67"/>
    </row>
    <row r="550" spans="2:12" s="70" customFormat="1" ht="15.75" customHeight="1">
      <c r="B550" s="80"/>
      <c r="C550" s="178"/>
      <c r="D550" s="178"/>
      <c r="E550" s="84"/>
      <c r="F550" s="80"/>
      <c r="G550" s="215"/>
      <c r="H550" s="100"/>
      <c r="I550" s="133"/>
      <c r="J550" s="123"/>
      <c r="K550" s="65"/>
      <c r="L550" s="67"/>
    </row>
    <row r="551" spans="2:12" s="70" customFormat="1" ht="15.75" customHeight="1">
      <c r="B551" s="141" t="s">
        <v>120</v>
      </c>
      <c r="C551" s="141" t="s">
        <v>214</v>
      </c>
      <c r="D551" s="179"/>
      <c r="E551" s="85"/>
      <c r="F551" s="90"/>
      <c r="G551" s="215"/>
      <c r="H551" s="100"/>
      <c r="I551" s="133"/>
      <c r="J551" s="123"/>
      <c r="K551" s="65"/>
      <c r="L551" s="67"/>
    </row>
    <row r="552" spans="2:12" s="70" customFormat="1" ht="15.75" customHeight="1">
      <c r="B552" s="75"/>
      <c r="C552" s="178"/>
      <c r="D552" s="178"/>
      <c r="E552" s="84"/>
      <c r="F552" s="80"/>
      <c r="G552" s="210"/>
      <c r="H552" s="96"/>
      <c r="I552" s="110"/>
      <c r="J552" s="124"/>
      <c r="K552" s="65"/>
      <c r="L552" s="67"/>
    </row>
    <row r="553" spans="2:12" s="70" customFormat="1" ht="15.75" customHeight="1">
      <c r="B553" s="74"/>
      <c r="C553" s="179" t="s">
        <v>199</v>
      </c>
      <c r="D553" s="179" t="s">
        <v>3</v>
      </c>
      <c r="E553" s="85">
        <v>182.5</v>
      </c>
      <c r="F553" s="90" t="s">
        <v>5</v>
      </c>
      <c r="G553" s="211"/>
      <c r="H553" s="99"/>
      <c r="I553" s="106"/>
      <c r="J553" s="125"/>
      <c r="K553" s="65"/>
      <c r="L553" s="67"/>
    </row>
    <row r="554" spans="2:12" s="70" customFormat="1" ht="15.75" customHeight="1">
      <c r="B554" s="142"/>
      <c r="C554" s="178"/>
      <c r="D554" s="178"/>
      <c r="E554" s="84"/>
      <c r="F554" s="80"/>
      <c r="G554" s="210"/>
      <c r="H554" s="96"/>
      <c r="I554" s="110"/>
      <c r="J554" s="123"/>
      <c r="K554" s="65"/>
      <c r="L554" s="67"/>
    </row>
    <row r="555" spans="2:12" s="70" customFormat="1" ht="15.75" customHeight="1">
      <c r="B555" s="145"/>
      <c r="C555" s="179" t="s">
        <v>212</v>
      </c>
      <c r="D555" s="179" t="s">
        <v>213</v>
      </c>
      <c r="E555" s="85">
        <v>60.1</v>
      </c>
      <c r="F555" s="90" t="s">
        <v>5</v>
      </c>
      <c r="G555" s="211"/>
      <c r="H555" s="99"/>
      <c r="I555" s="106"/>
      <c r="J555" s="125"/>
      <c r="K555" s="65"/>
      <c r="L555" s="67"/>
    </row>
    <row r="556" spans="2:12" s="70" customFormat="1" ht="15.75" customHeight="1">
      <c r="B556" s="146"/>
      <c r="C556" s="130"/>
      <c r="D556" s="178"/>
      <c r="E556" s="84"/>
      <c r="F556" s="80"/>
      <c r="G556" s="214"/>
      <c r="H556" s="96"/>
      <c r="I556" s="229"/>
      <c r="J556" s="123"/>
      <c r="K556" s="65"/>
      <c r="L556" s="67"/>
    </row>
    <row r="557" spans="2:12" s="70" customFormat="1" ht="15.75" customHeight="1">
      <c r="B557" s="146"/>
      <c r="C557" s="166" t="s">
        <v>42</v>
      </c>
      <c r="D557" s="179"/>
      <c r="E557" s="85"/>
      <c r="F557" s="90"/>
      <c r="G557" s="213"/>
      <c r="H557" s="99"/>
      <c r="I557" s="106"/>
      <c r="J557" s="125"/>
      <c r="K557" s="65"/>
      <c r="L557" s="67"/>
    </row>
    <row r="558" spans="2:12" s="70" customFormat="1" ht="15.75" customHeight="1">
      <c r="B558" s="80"/>
      <c r="C558" s="178"/>
      <c r="D558" s="178"/>
      <c r="E558" s="84"/>
      <c r="F558" s="80"/>
      <c r="G558" s="214"/>
      <c r="H558" s="96"/>
      <c r="I558" s="110"/>
      <c r="J558" s="124"/>
      <c r="K558" s="65"/>
      <c r="L558" s="67"/>
    </row>
    <row r="559" spans="2:12" s="70" customFormat="1" ht="15.75" customHeight="1">
      <c r="B559" s="141"/>
      <c r="C559" s="179"/>
      <c r="D559" s="179"/>
      <c r="E559" s="85"/>
      <c r="F559" s="90"/>
      <c r="G559" s="213"/>
      <c r="H559" s="99"/>
      <c r="I559" s="106"/>
      <c r="J559" s="125"/>
      <c r="K559" s="65"/>
      <c r="L559" s="67"/>
    </row>
    <row r="560" spans="2:12" s="70" customFormat="1" ht="15.75" customHeight="1">
      <c r="B560" s="75"/>
      <c r="C560" s="181"/>
      <c r="D560" s="181"/>
      <c r="E560" s="84"/>
      <c r="F560" s="80"/>
      <c r="G560" s="214"/>
      <c r="H560" s="96"/>
      <c r="I560" s="110"/>
      <c r="J560" s="124"/>
      <c r="K560" s="65"/>
      <c r="L560" s="67"/>
    </row>
    <row r="561" spans="2:12" s="70" customFormat="1" ht="15.75" customHeight="1">
      <c r="B561" s="74"/>
      <c r="C561" s="179"/>
      <c r="D561" s="179"/>
      <c r="E561" s="85"/>
      <c r="F561" s="90"/>
      <c r="G561" s="213"/>
      <c r="H561" s="99"/>
      <c r="I561" s="106"/>
      <c r="J561" s="125"/>
      <c r="K561" s="65"/>
      <c r="L561" s="67"/>
    </row>
    <row r="562" spans="2:12" ht="21" customHeight="1">
      <c r="B562" s="65" t="s">
        <v>21</v>
      </c>
      <c r="G562" s="207"/>
      <c r="L562" s="67"/>
    </row>
    <row r="563" spans="2:12" ht="25.5" customHeight="1">
      <c r="B563" s="71" t="s">
        <v>366</v>
      </c>
      <c r="C563" s="77" t="str">
        <v>科目名称　５．外構他撤去</v>
      </c>
      <c r="D563" s="77"/>
      <c r="E563" s="82"/>
      <c r="F563" s="77"/>
      <c r="G563" s="208"/>
      <c r="H563" s="97"/>
      <c r="I563" s="101"/>
      <c r="J563" s="113"/>
      <c r="L563" s="67"/>
    </row>
    <row r="564" spans="2:12" s="67" customFormat="1" ht="24" customHeight="1">
      <c r="B564" s="72" t="s">
        <v>9</v>
      </c>
      <c r="C564" s="72" t="s">
        <v>73</v>
      </c>
      <c r="D564" s="114"/>
      <c r="E564" s="83" t="s">
        <v>20</v>
      </c>
      <c r="F564" s="88" t="s">
        <v>26</v>
      </c>
      <c r="G564" s="209" t="s">
        <v>30</v>
      </c>
      <c r="H564" s="98" t="s">
        <v>11</v>
      </c>
      <c r="I564" s="72" t="s">
        <v>23</v>
      </c>
      <c r="J564" s="114"/>
      <c r="L564" s="69"/>
    </row>
    <row r="565" spans="2:12" ht="15.75" customHeight="1">
      <c r="B565" s="142"/>
      <c r="C565" s="178"/>
      <c r="D565" s="178"/>
      <c r="E565" s="84"/>
      <c r="F565" s="80"/>
      <c r="G565" s="210"/>
      <c r="H565" s="96"/>
      <c r="I565" s="110"/>
      <c r="J565" s="121"/>
      <c r="L565" s="67"/>
    </row>
    <row r="566" spans="2:12" ht="15.75" customHeight="1">
      <c r="B566" s="151" t="s">
        <v>215</v>
      </c>
      <c r="C566" s="141" t="s">
        <v>214</v>
      </c>
      <c r="D566" s="179"/>
      <c r="E566" s="85"/>
      <c r="F566" s="90"/>
      <c r="G566" s="213"/>
      <c r="H566" s="99"/>
      <c r="I566" s="106"/>
      <c r="J566" s="122"/>
      <c r="L566" s="67"/>
    </row>
    <row r="567" spans="2:12" ht="15.75" customHeight="1">
      <c r="B567" s="146"/>
      <c r="C567" s="178"/>
      <c r="D567" s="178"/>
      <c r="E567" s="84"/>
      <c r="F567" s="80"/>
      <c r="G567" s="214"/>
      <c r="H567" s="96"/>
      <c r="I567" s="231"/>
      <c r="J567" s="124"/>
      <c r="L567" s="67"/>
    </row>
    <row r="568" spans="2:12" s="70" customFormat="1" ht="15.75" customHeight="1">
      <c r="B568" s="146"/>
      <c r="C568" s="179" t="s">
        <v>218</v>
      </c>
      <c r="D568" s="179" t="s">
        <v>223</v>
      </c>
      <c r="E568" s="85">
        <v>1593.8</v>
      </c>
      <c r="F568" s="90" t="s">
        <v>225</v>
      </c>
      <c r="G568" s="211"/>
      <c r="H568" s="99"/>
      <c r="I568" s="106"/>
      <c r="J568" s="125"/>
      <c r="K568" s="65"/>
      <c r="L568" s="67"/>
    </row>
    <row r="569" spans="2:12" ht="15.75" customHeight="1">
      <c r="B569" s="75"/>
      <c r="C569" s="178"/>
      <c r="D569" s="178"/>
      <c r="E569" s="84"/>
      <c r="F569" s="80"/>
      <c r="G569" s="214"/>
      <c r="H569" s="96"/>
      <c r="I569" s="232"/>
      <c r="J569" s="123"/>
      <c r="L569" s="67"/>
    </row>
    <row r="570" spans="2:12" ht="15.75" customHeight="1">
      <c r="B570" s="146"/>
      <c r="C570" s="179" t="s">
        <v>222</v>
      </c>
      <c r="D570" s="179" t="s">
        <v>224</v>
      </c>
      <c r="E570" s="85">
        <v>864.1</v>
      </c>
      <c r="F570" s="90" t="s">
        <v>225</v>
      </c>
      <c r="G570" s="211"/>
      <c r="H570" s="99"/>
      <c r="I570" s="106"/>
      <c r="J570" s="125"/>
      <c r="L570" s="67"/>
    </row>
    <row r="571" spans="2:12" s="70" customFormat="1" ht="15.75" customHeight="1">
      <c r="B571" s="89"/>
      <c r="C571" s="80"/>
      <c r="D571" s="178"/>
      <c r="E571" s="84"/>
      <c r="F571" s="80"/>
      <c r="G571" s="214"/>
      <c r="H571" s="96"/>
      <c r="I571" s="110"/>
      <c r="J571" s="123"/>
      <c r="K571" s="65"/>
      <c r="L571" s="67"/>
    </row>
    <row r="572" spans="2:12" s="70" customFormat="1" ht="15.75" customHeight="1">
      <c r="B572" s="145"/>
      <c r="C572" s="179" t="s">
        <v>335</v>
      </c>
      <c r="D572" s="179" t="s">
        <v>75</v>
      </c>
      <c r="E572" s="85">
        <v>614</v>
      </c>
      <c r="F572" s="90" t="s">
        <v>5</v>
      </c>
      <c r="G572" s="211"/>
      <c r="H572" s="99"/>
      <c r="I572" s="106"/>
      <c r="J572" s="125"/>
      <c r="K572" s="65"/>
      <c r="L572" s="67"/>
    </row>
    <row r="573" spans="2:12" s="70" customFormat="1" ht="15.75" customHeight="1">
      <c r="B573" s="146"/>
      <c r="C573" s="80"/>
      <c r="D573" s="178"/>
      <c r="E573" s="84"/>
      <c r="F573" s="80"/>
      <c r="G573" s="214"/>
      <c r="H573" s="96"/>
      <c r="I573" s="110"/>
      <c r="J573" s="121"/>
      <c r="K573" s="65"/>
      <c r="L573" s="67"/>
    </row>
    <row r="574" spans="2:12" s="70" customFormat="1" ht="15.75" customHeight="1">
      <c r="B574" s="146"/>
      <c r="C574" s="179" t="s">
        <v>141</v>
      </c>
      <c r="D574" s="179" t="s">
        <v>217</v>
      </c>
      <c r="E574" s="85">
        <v>142.80000000000001</v>
      </c>
      <c r="F574" s="90" t="s">
        <v>5</v>
      </c>
      <c r="G574" s="211"/>
      <c r="H574" s="99"/>
      <c r="I574" s="106"/>
      <c r="J574" s="122"/>
      <c r="K574" s="65"/>
      <c r="L574" s="67"/>
    </row>
    <row r="575" spans="2:12" s="70" customFormat="1" ht="15.75" customHeight="1">
      <c r="B575" s="75"/>
      <c r="C575" s="178"/>
      <c r="D575" s="178"/>
      <c r="E575" s="84"/>
      <c r="F575" s="80"/>
      <c r="G575" s="214"/>
      <c r="H575" s="96"/>
      <c r="I575" s="110"/>
      <c r="J575" s="123"/>
      <c r="K575" s="65"/>
      <c r="L575" s="67"/>
    </row>
    <row r="576" spans="2:12" s="70" customFormat="1" ht="15.75" customHeight="1">
      <c r="B576" s="74"/>
      <c r="C576" s="179" t="s">
        <v>226</v>
      </c>
      <c r="D576" s="179" t="s">
        <v>227</v>
      </c>
      <c r="E576" s="85">
        <v>29</v>
      </c>
      <c r="F576" s="90" t="s">
        <v>14</v>
      </c>
      <c r="G576" s="211"/>
      <c r="H576" s="99"/>
      <c r="I576" s="106"/>
      <c r="J576" s="240"/>
      <c r="K576" s="65"/>
      <c r="L576" s="67"/>
    </row>
    <row r="577" spans="2:12" s="70" customFormat="1" ht="15.75" customHeight="1">
      <c r="B577" s="75"/>
      <c r="C577" s="80"/>
      <c r="D577" s="178"/>
      <c r="E577" s="84"/>
      <c r="F577" s="80"/>
      <c r="G577" s="214"/>
      <c r="H577" s="96"/>
      <c r="I577" s="110"/>
      <c r="J577" s="121"/>
      <c r="K577" s="65"/>
      <c r="L577" s="67"/>
    </row>
    <row r="578" spans="2:12" s="70" customFormat="1" ht="15.75" customHeight="1">
      <c r="B578" s="145"/>
      <c r="C578" s="179"/>
      <c r="D578" s="179" t="s">
        <v>228</v>
      </c>
      <c r="E578" s="85">
        <v>32</v>
      </c>
      <c r="F578" s="90" t="s">
        <v>14</v>
      </c>
      <c r="G578" s="211"/>
      <c r="H578" s="99"/>
      <c r="I578" s="106"/>
      <c r="J578" s="122"/>
      <c r="K578" s="65"/>
      <c r="L578" s="67"/>
    </row>
    <row r="579" spans="2:12" s="70" customFormat="1" ht="15.75" customHeight="1">
      <c r="B579" s="73"/>
      <c r="C579" s="153"/>
      <c r="D579" s="178"/>
      <c r="E579" s="84"/>
      <c r="F579" s="80"/>
      <c r="G579" s="214"/>
      <c r="H579" s="96"/>
      <c r="I579" s="110"/>
      <c r="J579" s="124"/>
      <c r="K579" s="65"/>
      <c r="L579" s="67"/>
    </row>
    <row r="580" spans="2:12" s="70" customFormat="1" ht="15.75" customHeight="1">
      <c r="B580" s="74"/>
      <c r="C580" s="156"/>
      <c r="D580" s="179" t="s">
        <v>44</v>
      </c>
      <c r="E580" s="85">
        <v>8.1999999999999993</v>
      </c>
      <c r="F580" s="90" t="s">
        <v>14</v>
      </c>
      <c r="G580" s="211"/>
      <c r="H580" s="99"/>
      <c r="I580" s="106"/>
      <c r="J580" s="125"/>
      <c r="K580" s="65"/>
      <c r="L580" s="67"/>
    </row>
    <row r="581" spans="2:12" s="70" customFormat="1" ht="15.75" customHeight="1">
      <c r="B581" s="75"/>
      <c r="C581" s="80"/>
      <c r="D581" s="178"/>
      <c r="E581" s="84"/>
      <c r="F581" s="80"/>
      <c r="G581" s="214"/>
      <c r="H581" s="96"/>
      <c r="I581" s="110"/>
      <c r="J581" s="124"/>
      <c r="K581" s="65"/>
      <c r="L581" s="67"/>
    </row>
    <row r="582" spans="2:12" s="70" customFormat="1" ht="15.75" customHeight="1">
      <c r="B582" s="74"/>
      <c r="C582" s="179"/>
      <c r="D582" s="179" t="s">
        <v>230</v>
      </c>
      <c r="E582" s="85">
        <v>35.4</v>
      </c>
      <c r="F582" s="90" t="s">
        <v>14</v>
      </c>
      <c r="G582" s="211"/>
      <c r="H582" s="99"/>
      <c r="I582" s="106"/>
      <c r="J582" s="125"/>
      <c r="K582" s="65"/>
      <c r="L582" s="67"/>
    </row>
    <row r="583" spans="2:12" s="70" customFormat="1" ht="15.75" customHeight="1">
      <c r="B583" s="80"/>
      <c r="C583" s="153"/>
      <c r="D583" s="178"/>
      <c r="E583" s="84"/>
      <c r="F583" s="80"/>
      <c r="G583" s="214"/>
      <c r="H583" s="96"/>
      <c r="I583" s="110"/>
      <c r="J583" s="123"/>
      <c r="K583" s="65"/>
      <c r="L583" s="67"/>
    </row>
    <row r="584" spans="2:12" s="70" customFormat="1" ht="15.75" customHeight="1">
      <c r="B584" s="141"/>
      <c r="C584" s="156"/>
      <c r="D584" s="179" t="s">
        <v>229</v>
      </c>
      <c r="E584" s="85">
        <v>82.8</v>
      </c>
      <c r="F584" s="90" t="s">
        <v>14</v>
      </c>
      <c r="G584" s="211"/>
      <c r="H584" s="99"/>
      <c r="I584" s="106"/>
      <c r="J584" s="123"/>
      <c r="K584" s="65"/>
      <c r="L584" s="67"/>
    </row>
    <row r="585" spans="2:12" s="70" customFormat="1" ht="15.75" customHeight="1">
      <c r="B585" s="75"/>
      <c r="C585" s="178"/>
      <c r="D585" s="178"/>
      <c r="E585" s="84"/>
      <c r="F585" s="80"/>
      <c r="G585" s="214"/>
      <c r="H585" s="96"/>
      <c r="I585" s="110"/>
      <c r="J585" s="124"/>
      <c r="K585" s="65"/>
      <c r="L585" s="67"/>
    </row>
    <row r="586" spans="2:12" s="70" customFormat="1" ht="15.75" customHeight="1">
      <c r="B586" s="74"/>
      <c r="C586" s="179"/>
      <c r="D586" s="179" t="s">
        <v>203</v>
      </c>
      <c r="E586" s="85">
        <v>8</v>
      </c>
      <c r="F586" s="90" t="s">
        <v>14</v>
      </c>
      <c r="G586" s="211"/>
      <c r="H586" s="99"/>
      <c r="I586" s="106"/>
      <c r="J586" s="125"/>
      <c r="K586" s="65"/>
      <c r="L586" s="67"/>
    </row>
    <row r="587" spans="2:12" s="70" customFormat="1" ht="15.75" customHeight="1">
      <c r="B587" s="142"/>
      <c r="C587" s="178" t="s">
        <v>231</v>
      </c>
      <c r="D587" s="178"/>
      <c r="E587" s="84"/>
      <c r="F587" s="80"/>
      <c r="G587" s="214"/>
      <c r="H587" s="96"/>
      <c r="I587" s="110"/>
      <c r="J587" s="123"/>
      <c r="K587" s="65"/>
      <c r="L587" s="67"/>
    </row>
    <row r="588" spans="2:12" s="70" customFormat="1" ht="15.75" customHeight="1">
      <c r="B588" s="145"/>
      <c r="C588" s="179"/>
      <c r="D588" s="179" t="s">
        <v>32</v>
      </c>
      <c r="E588" s="85">
        <v>24</v>
      </c>
      <c r="F588" s="90" t="s">
        <v>14</v>
      </c>
      <c r="G588" s="211"/>
      <c r="H588" s="99"/>
      <c r="I588" s="106"/>
      <c r="J588" s="125"/>
      <c r="K588" s="65"/>
      <c r="L588" s="67"/>
    </row>
    <row r="589" spans="2:12" s="70" customFormat="1" ht="15.75" customHeight="1">
      <c r="B589" s="146"/>
      <c r="C589" s="178"/>
      <c r="D589" s="178"/>
      <c r="E589" s="84"/>
      <c r="F589" s="80"/>
      <c r="G589" s="214"/>
      <c r="H589" s="96"/>
      <c r="I589" s="110"/>
      <c r="J589" s="123"/>
      <c r="K589" s="65"/>
      <c r="L589" s="67"/>
    </row>
    <row r="590" spans="2:12" s="70" customFormat="1" ht="15.75" customHeight="1">
      <c r="B590" s="146"/>
      <c r="C590" s="179"/>
      <c r="D590" s="179" t="s">
        <v>203</v>
      </c>
      <c r="E590" s="85">
        <v>6.7</v>
      </c>
      <c r="F590" s="90" t="s">
        <v>14</v>
      </c>
      <c r="G590" s="211"/>
      <c r="H590" s="99"/>
      <c r="I590" s="106"/>
      <c r="J590" s="125"/>
      <c r="K590" s="65"/>
      <c r="L590" s="67"/>
    </row>
    <row r="591" spans="2:12" s="70" customFormat="1" ht="15.75" customHeight="1">
      <c r="B591" s="80"/>
      <c r="C591" s="180"/>
      <c r="D591" s="178" t="s">
        <v>233</v>
      </c>
      <c r="E591" s="84"/>
      <c r="F591" s="80"/>
      <c r="G591" s="214"/>
      <c r="H591" s="96"/>
      <c r="I591" s="110"/>
      <c r="J591" s="124"/>
      <c r="K591" s="65"/>
      <c r="L591" s="67"/>
    </row>
    <row r="592" spans="2:12" s="70" customFormat="1" ht="15.75" customHeight="1">
      <c r="B592" s="141"/>
      <c r="C592" s="179" t="s">
        <v>232</v>
      </c>
      <c r="D592" s="179" t="s">
        <v>234</v>
      </c>
      <c r="E592" s="85">
        <v>63</v>
      </c>
      <c r="F592" s="90" t="s">
        <v>14</v>
      </c>
      <c r="G592" s="211"/>
      <c r="H592" s="99"/>
      <c r="I592" s="106"/>
      <c r="J592" s="125"/>
      <c r="K592" s="65"/>
      <c r="L592" s="67"/>
    </row>
    <row r="593" spans="2:12" s="70" customFormat="1" ht="15.75" customHeight="1">
      <c r="B593" s="75"/>
      <c r="C593" s="178"/>
      <c r="D593" s="178"/>
      <c r="E593" s="84"/>
      <c r="F593" s="80"/>
      <c r="G593" s="214"/>
      <c r="H593" s="96"/>
      <c r="I593" s="110"/>
      <c r="J593" s="124"/>
      <c r="K593" s="65"/>
      <c r="L593" s="67"/>
    </row>
    <row r="594" spans="2:12" s="70" customFormat="1" ht="15.75" customHeight="1">
      <c r="B594" s="74"/>
      <c r="C594" s="179" t="s">
        <v>69</v>
      </c>
      <c r="D594" s="179" t="s">
        <v>236</v>
      </c>
      <c r="E594" s="85">
        <v>10.5</v>
      </c>
      <c r="F594" s="90" t="s">
        <v>14</v>
      </c>
      <c r="G594" s="211"/>
      <c r="H594" s="99"/>
      <c r="I594" s="106"/>
      <c r="J594" s="125"/>
      <c r="K594" s="65"/>
      <c r="L594" s="67"/>
    </row>
    <row r="595" spans="2:12" ht="21" customHeight="1">
      <c r="B595" s="65" t="s">
        <v>21</v>
      </c>
      <c r="G595" s="207"/>
    </row>
    <row r="596" spans="2:12" ht="25.5" customHeight="1">
      <c r="B596" s="71" t="s">
        <v>366</v>
      </c>
      <c r="C596" s="77" t="str">
        <v>科目名称　５．外構他撤去</v>
      </c>
      <c r="D596" s="77"/>
      <c r="E596" s="82"/>
      <c r="F596" s="77"/>
      <c r="G596" s="208"/>
      <c r="H596" s="97"/>
      <c r="I596" s="101"/>
      <c r="J596" s="113"/>
    </row>
    <row r="597" spans="2:12" s="67" customFormat="1" ht="24" customHeight="1">
      <c r="B597" s="72" t="s">
        <v>9</v>
      </c>
      <c r="C597" s="72" t="s">
        <v>73</v>
      </c>
      <c r="D597" s="114"/>
      <c r="E597" s="83" t="s">
        <v>20</v>
      </c>
      <c r="F597" s="88" t="s">
        <v>26</v>
      </c>
      <c r="G597" s="209" t="s">
        <v>30</v>
      </c>
      <c r="H597" s="98" t="s">
        <v>11</v>
      </c>
      <c r="I597" s="72" t="s">
        <v>23</v>
      </c>
      <c r="J597" s="114"/>
      <c r="L597" s="69"/>
    </row>
    <row r="598" spans="2:12" ht="15.75" customHeight="1">
      <c r="B598" s="80"/>
      <c r="C598" s="181"/>
      <c r="D598" s="181"/>
      <c r="E598" s="84"/>
      <c r="F598" s="80"/>
      <c r="G598" s="214"/>
      <c r="H598" s="80"/>
      <c r="I598" s="110"/>
      <c r="J598" s="121"/>
      <c r="L598" s="67"/>
    </row>
    <row r="599" spans="2:12" ht="15.75" customHeight="1">
      <c r="B599" s="145"/>
      <c r="C599" s="179" t="s">
        <v>240</v>
      </c>
      <c r="D599" s="179" t="s">
        <v>238</v>
      </c>
      <c r="E599" s="85">
        <v>65</v>
      </c>
      <c r="F599" s="90" t="s">
        <v>14</v>
      </c>
      <c r="G599" s="211"/>
      <c r="H599" s="99"/>
      <c r="I599" s="106"/>
      <c r="J599" s="122"/>
      <c r="L599" s="67"/>
    </row>
    <row r="600" spans="2:12" ht="15.75" customHeight="1">
      <c r="B600" s="80"/>
      <c r="C600" s="142"/>
      <c r="D600" s="142" t="s">
        <v>241</v>
      </c>
      <c r="E600" s="84"/>
      <c r="F600" s="80"/>
      <c r="G600" s="214"/>
      <c r="H600" s="80"/>
      <c r="I600" s="110"/>
      <c r="J600" s="121"/>
      <c r="L600" s="67"/>
    </row>
    <row r="601" spans="2:12" ht="15.75" customHeight="1">
      <c r="B601" s="145"/>
      <c r="C601" s="141" t="s">
        <v>122</v>
      </c>
      <c r="D601" s="141" t="s">
        <v>242</v>
      </c>
      <c r="E601" s="85">
        <v>113.1</v>
      </c>
      <c r="F601" s="90" t="s">
        <v>14</v>
      </c>
      <c r="G601" s="211"/>
      <c r="H601" s="99"/>
      <c r="I601" s="106"/>
      <c r="J601" s="122"/>
      <c r="L601" s="67"/>
    </row>
    <row r="602" spans="2:12" ht="15.75" customHeight="1">
      <c r="B602" s="75"/>
      <c r="C602" s="80"/>
      <c r="D602" s="142"/>
      <c r="E602" s="84"/>
      <c r="F602" s="80"/>
      <c r="G602" s="214"/>
      <c r="H602" s="80"/>
      <c r="I602" s="110"/>
      <c r="J602" s="121"/>
      <c r="L602" s="67"/>
    </row>
    <row r="603" spans="2:12" ht="15.75" customHeight="1">
      <c r="B603" s="145"/>
      <c r="C603" s="141" t="s">
        <v>237</v>
      </c>
      <c r="D603" s="141" t="s">
        <v>38</v>
      </c>
      <c r="E603" s="85">
        <v>23</v>
      </c>
      <c r="F603" s="90" t="s">
        <v>14</v>
      </c>
      <c r="G603" s="211"/>
      <c r="H603" s="99"/>
      <c r="I603" s="106"/>
      <c r="J603" s="122"/>
      <c r="L603" s="67"/>
    </row>
    <row r="604" spans="2:12" ht="15.75" customHeight="1">
      <c r="B604" s="75"/>
      <c r="C604" s="80"/>
      <c r="D604" s="80"/>
      <c r="E604" s="84"/>
      <c r="F604" s="80"/>
      <c r="G604" s="214"/>
      <c r="H604" s="80"/>
      <c r="I604" s="110"/>
      <c r="J604" s="121"/>
      <c r="L604" s="67"/>
    </row>
    <row r="605" spans="2:12" ht="15.75" customHeight="1">
      <c r="B605" s="74"/>
      <c r="C605" s="141"/>
      <c r="D605" s="141" t="s">
        <v>243</v>
      </c>
      <c r="E605" s="85">
        <v>2</v>
      </c>
      <c r="F605" s="90" t="s">
        <v>172</v>
      </c>
      <c r="G605" s="211"/>
      <c r="H605" s="99"/>
      <c r="I605" s="106"/>
      <c r="J605" s="122"/>
      <c r="L605" s="67"/>
    </row>
    <row r="606" spans="2:12" s="70" customFormat="1" ht="15.75" customHeight="1">
      <c r="B606" s="80"/>
      <c r="C606" s="130"/>
      <c r="D606" s="80" t="s">
        <v>249</v>
      </c>
      <c r="E606" s="84"/>
      <c r="F606" s="80"/>
      <c r="G606" s="214"/>
      <c r="H606" s="80"/>
      <c r="I606" s="110"/>
      <c r="J606" s="135"/>
      <c r="K606" s="65"/>
      <c r="L606" s="67"/>
    </row>
    <row r="607" spans="2:12" s="70" customFormat="1" ht="15.75" customHeight="1">
      <c r="B607" s="145"/>
      <c r="C607" s="170" t="s">
        <v>153</v>
      </c>
      <c r="D607" s="141" t="s">
        <v>299</v>
      </c>
      <c r="E607" s="85">
        <v>298</v>
      </c>
      <c r="F607" s="90" t="s">
        <v>14</v>
      </c>
      <c r="G607" s="211"/>
      <c r="H607" s="99"/>
      <c r="I607" s="106"/>
      <c r="J607" s="135"/>
      <c r="K607" s="65"/>
      <c r="L607" s="67"/>
    </row>
    <row r="608" spans="2:12" s="70" customFormat="1" ht="15.75" customHeight="1">
      <c r="B608" s="80"/>
      <c r="C608" s="153"/>
      <c r="D608" s="80"/>
      <c r="E608" s="84"/>
      <c r="F608" s="80"/>
      <c r="G608" s="214"/>
      <c r="H608" s="80"/>
      <c r="I608" s="110"/>
      <c r="J608" s="241"/>
      <c r="K608" s="65"/>
      <c r="L608" s="67"/>
    </row>
    <row r="609" spans="2:12" s="70" customFormat="1" ht="15.75" customHeight="1">
      <c r="B609" s="145"/>
      <c r="C609" s="156"/>
      <c r="D609" s="179" t="s">
        <v>88</v>
      </c>
      <c r="E609" s="85">
        <v>199.3</v>
      </c>
      <c r="F609" s="90" t="s">
        <v>14</v>
      </c>
      <c r="G609" s="211"/>
      <c r="H609" s="99"/>
      <c r="I609" s="106"/>
      <c r="J609" s="240"/>
      <c r="K609" s="65"/>
      <c r="L609" s="67"/>
    </row>
    <row r="610" spans="2:12" s="70" customFormat="1" ht="15.75" customHeight="1">
      <c r="B610" s="75"/>
      <c r="C610" s="80"/>
      <c r="D610" s="80" t="s">
        <v>10</v>
      </c>
      <c r="E610" s="84"/>
      <c r="F610" s="80"/>
      <c r="G610" s="214"/>
      <c r="H610" s="80"/>
      <c r="I610" s="110"/>
      <c r="J610" s="124"/>
      <c r="K610" s="65"/>
      <c r="L610" s="67"/>
    </row>
    <row r="611" spans="2:12" s="70" customFormat="1" ht="15.75" customHeight="1">
      <c r="B611" s="145"/>
      <c r="C611" s="141"/>
      <c r="D611" s="141" t="s">
        <v>300</v>
      </c>
      <c r="E611" s="85">
        <v>34</v>
      </c>
      <c r="F611" s="90" t="s">
        <v>14</v>
      </c>
      <c r="G611" s="211"/>
      <c r="H611" s="99"/>
      <c r="I611" s="106"/>
      <c r="J611" s="125"/>
      <c r="K611" s="65"/>
      <c r="L611" s="67"/>
    </row>
    <row r="612" spans="2:12" s="70" customFormat="1" ht="15.75" customHeight="1">
      <c r="B612" s="71"/>
      <c r="C612" s="153"/>
      <c r="D612" s="80" t="s">
        <v>301</v>
      </c>
      <c r="E612" s="84"/>
      <c r="F612" s="80"/>
      <c r="G612" s="214"/>
      <c r="H612" s="80"/>
      <c r="I612" s="110"/>
      <c r="J612" s="124"/>
      <c r="K612" s="65"/>
      <c r="L612" s="67"/>
    </row>
    <row r="613" spans="2:12" s="70" customFormat="1" ht="15.75" customHeight="1">
      <c r="B613" s="74"/>
      <c r="C613" s="156"/>
      <c r="D613" s="74" t="s">
        <v>303</v>
      </c>
      <c r="E613" s="85">
        <v>26</v>
      </c>
      <c r="F613" s="90" t="s">
        <v>296</v>
      </c>
      <c r="G613" s="211"/>
      <c r="H613" s="99"/>
      <c r="I613" s="106"/>
      <c r="J613" s="125"/>
      <c r="K613" s="65"/>
      <c r="L613" s="67"/>
    </row>
    <row r="614" spans="2:12" s="70" customFormat="1" ht="15.75" customHeight="1">
      <c r="B614" s="76"/>
      <c r="C614" s="182"/>
      <c r="D614" s="76"/>
      <c r="E614" s="86"/>
      <c r="F614" s="91"/>
      <c r="G614" s="216"/>
      <c r="H614" s="80"/>
      <c r="I614" s="133"/>
      <c r="J614" s="123"/>
      <c r="K614" s="65"/>
      <c r="L614" s="67"/>
    </row>
    <row r="615" spans="2:12" s="70" customFormat="1" ht="15.75" customHeight="1">
      <c r="B615" s="76"/>
      <c r="C615" s="172" t="s">
        <v>196</v>
      </c>
      <c r="D615" s="76" t="s">
        <v>363</v>
      </c>
      <c r="E615" s="86">
        <v>49.7</v>
      </c>
      <c r="F615" s="91" t="s">
        <v>14</v>
      </c>
      <c r="G615" s="216"/>
      <c r="H615" s="99"/>
      <c r="I615" s="133"/>
      <c r="J615" s="123"/>
      <c r="K615" s="65"/>
      <c r="L615" s="67"/>
    </row>
    <row r="616" spans="2:12" s="70" customFormat="1" ht="15.75" customHeight="1">
      <c r="B616" s="71"/>
      <c r="C616" s="130"/>
      <c r="D616" s="80"/>
      <c r="E616" s="84"/>
      <c r="F616" s="80"/>
      <c r="G616" s="214"/>
      <c r="H616" s="96"/>
      <c r="I616" s="110"/>
      <c r="J616" s="124"/>
      <c r="K616" s="65"/>
      <c r="L616" s="67"/>
    </row>
    <row r="617" spans="2:12" s="70" customFormat="1" ht="15.75" customHeight="1">
      <c r="B617" s="74"/>
      <c r="C617" s="166" t="s">
        <v>42</v>
      </c>
      <c r="D617" s="81"/>
      <c r="E617" s="85"/>
      <c r="F617" s="90"/>
      <c r="G617" s="213"/>
      <c r="H617" s="99"/>
      <c r="I617" s="106"/>
      <c r="J617" s="125"/>
      <c r="K617" s="65"/>
      <c r="L617" s="67"/>
    </row>
    <row r="618" spans="2:12" s="70" customFormat="1" ht="15.75" customHeight="1">
      <c r="B618" s="76"/>
      <c r="C618" s="157"/>
      <c r="D618" s="157"/>
      <c r="E618" s="86"/>
      <c r="F618" s="91"/>
      <c r="G618" s="215"/>
      <c r="H618" s="100"/>
      <c r="I618" s="133"/>
      <c r="J618" s="123"/>
      <c r="K618" s="65"/>
      <c r="L618" s="67"/>
    </row>
    <row r="619" spans="2:12" s="70" customFormat="1" ht="15.75" customHeight="1">
      <c r="B619" s="76"/>
      <c r="C619" s="157"/>
      <c r="D619" s="157"/>
      <c r="E619" s="86"/>
      <c r="F619" s="91"/>
      <c r="G619" s="215"/>
      <c r="H619" s="100"/>
      <c r="I619" s="133"/>
      <c r="J619" s="123"/>
      <c r="K619" s="65"/>
      <c r="L619" s="67"/>
    </row>
    <row r="620" spans="2:12" s="70" customFormat="1" ht="15.75" customHeight="1">
      <c r="B620" s="71"/>
      <c r="C620" s="80"/>
      <c r="D620" s="80"/>
      <c r="E620" s="84"/>
      <c r="F620" s="80"/>
      <c r="G620" s="214"/>
      <c r="H620" s="96"/>
      <c r="I620" s="110"/>
      <c r="J620" s="124"/>
      <c r="K620" s="65"/>
      <c r="L620" s="67"/>
    </row>
    <row r="621" spans="2:12" s="70" customFormat="1" ht="15.75" customHeight="1">
      <c r="B621" s="74"/>
      <c r="C621" s="81"/>
      <c r="D621" s="81"/>
      <c r="E621" s="85"/>
      <c r="F621" s="90"/>
      <c r="G621" s="213"/>
      <c r="H621" s="99"/>
      <c r="I621" s="106"/>
      <c r="J621" s="125"/>
      <c r="K621" s="65"/>
      <c r="L621" s="67"/>
    </row>
    <row r="622" spans="2:12" s="70" customFormat="1" ht="15.75" customHeight="1">
      <c r="B622" s="71"/>
      <c r="C622" s="80"/>
      <c r="D622" s="80"/>
      <c r="E622" s="84"/>
      <c r="F622" s="80"/>
      <c r="G622" s="214"/>
      <c r="H622" s="96"/>
      <c r="I622" s="229"/>
      <c r="J622" s="124"/>
      <c r="K622" s="65"/>
      <c r="L622" s="67"/>
    </row>
    <row r="623" spans="2:12" s="70" customFormat="1" ht="15.75" customHeight="1">
      <c r="B623" s="74"/>
      <c r="C623" s="81"/>
      <c r="D623" s="81"/>
      <c r="E623" s="85"/>
      <c r="F623" s="90"/>
      <c r="G623" s="213"/>
      <c r="H623" s="99"/>
      <c r="I623" s="106"/>
      <c r="J623" s="125"/>
      <c r="K623" s="65"/>
      <c r="L623" s="67"/>
    </row>
    <row r="624" spans="2:12" s="70" customFormat="1" ht="15.75" customHeight="1">
      <c r="B624" s="71"/>
      <c r="C624" s="80"/>
      <c r="D624" s="80"/>
      <c r="E624" s="84"/>
      <c r="F624" s="80"/>
      <c r="G624" s="214"/>
      <c r="H624" s="96"/>
      <c r="I624" s="133"/>
      <c r="J624" s="124"/>
      <c r="K624" s="65"/>
      <c r="L624" s="67"/>
    </row>
    <row r="625" spans="2:12" s="70" customFormat="1" ht="15.75" customHeight="1">
      <c r="B625" s="74"/>
      <c r="C625" s="81"/>
      <c r="D625" s="81"/>
      <c r="E625" s="85"/>
      <c r="F625" s="90"/>
      <c r="G625" s="213"/>
      <c r="H625" s="99"/>
      <c r="I625" s="106"/>
      <c r="J625" s="125"/>
      <c r="K625" s="65"/>
      <c r="L625" s="67"/>
    </row>
    <row r="626" spans="2:12" s="70" customFormat="1" ht="15.75" customHeight="1">
      <c r="B626" s="71"/>
      <c r="C626" s="80"/>
      <c r="D626" s="80"/>
      <c r="E626" s="84"/>
      <c r="F626" s="80"/>
      <c r="G626" s="214"/>
      <c r="H626" s="96"/>
      <c r="I626" s="110"/>
      <c r="J626" s="124"/>
      <c r="K626" s="65"/>
      <c r="L626" s="67"/>
    </row>
    <row r="627" spans="2:12" s="70" customFormat="1" ht="15.75" customHeight="1">
      <c r="B627" s="74"/>
      <c r="C627" s="81"/>
      <c r="D627" s="81"/>
      <c r="E627" s="85"/>
      <c r="F627" s="90"/>
      <c r="G627" s="213"/>
      <c r="H627" s="99"/>
      <c r="I627" s="106"/>
      <c r="J627" s="125"/>
      <c r="K627" s="65"/>
      <c r="L627" s="67"/>
    </row>
    <row r="628" spans="2:12" ht="21" customHeight="1">
      <c r="B628" s="65" t="s">
        <v>21</v>
      </c>
      <c r="G628" s="207"/>
    </row>
    <row r="629" spans="2:12" ht="25.5" customHeight="1">
      <c r="B629" s="71" t="s">
        <v>366</v>
      </c>
      <c r="C629" s="77" t="s">
        <v>246</v>
      </c>
      <c r="D629" s="77"/>
      <c r="E629" s="82"/>
      <c r="F629" s="77"/>
      <c r="G629" s="208"/>
      <c r="H629" s="97"/>
      <c r="I629" s="101"/>
      <c r="J629" s="113"/>
    </row>
    <row r="630" spans="2:12" s="67" customFormat="1" ht="24" customHeight="1">
      <c r="B630" s="72" t="s">
        <v>9</v>
      </c>
      <c r="C630" s="72" t="s">
        <v>73</v>
      </c>
      <c r="D630" s="114"/>
      <c r="E630" s="83" t="s">
        <v>20</v>
      </c>
      <c r="F630" s="88" t="s">
        <v>26</v>
      </c>
      <c r="G630" s="209" t="s">
        <v>30</v>
      </c>
      <c r="H630" s="98" t="s">
        <v>11</v>
      </c>
      <c r="I630" s="72" t="s">
        <v>23</v>
      </c>
      <c r="J630" s="114"/>
      <c r="L630" s="69"/>
    </row>
    <row r="631" spans="2:12" ht="15.75" customHeight="1">
      <c r="B631" s="80"/>
      <c r="C631" s="142"/>
      <c r="D631" s="142"/>
      <c r="E631" s="84"/>
      <c r="F631" s="80"/>
      <c r="G631" s="214"/>
      <c r="H631" s="96"/>
      <c r="I631" s="110"/>
      <c r="J631" s="121"/>
      <c r="L631" s="67"/>
    </row>
    <row r="632" spans="2:12" ht="15.75" customHeight="1">
      <c r="B632" s="145" t="s">
        <v>110</v>
      </c>
      <c r="C632" s="141"/>
      <c r="D632" s="141"/>
      <c r="E632" s="85"/>
      <c r="F632" s="90"/>
      <c r="G632" s="218"/>
      <c r="H632" s="99"/>
      <c r="I632" s="106"/>
      <c r="J632" s="122"/>
      <c r="L632" s="67"/>
    </row>
    <row r="633" spans="2:12" ht="15.75" customHeight="1">
      <c r="B633" s="80"/>
      <c r="C633" s="80"/>
      <c r="D633" s="80" t="s">
        <v>275</v>
      </c>
      <c r="E633" s="84"/>
      <c r="F633" s="80"/>
      <c r="G633" s="214"/>
      <c r="H633" s="96"/>
      <c r="I633" s="110"/>
      <c r="J633" s="121"/>
      <c r="L633" s="67"/>
    </row>
    <row r="634" spans="2:12" ht="15.75" customHeight="1">
      <c r="B634" s="141" t="s">
        <v>119</v>
      </c>
      <c r="C634" s="141" t="s">
        <v>248</v>
      </c>
      <c r="D634" s="141" t="s">
        <v>340</v>
      </c>
      <c r="E634" s="85">
        <v>649</v>
      </c>
      <c r="F634" s="90" t="s">
        <v>5</v>
      </c>
      <c r="G634" s="218"/>
      <c r="H634" s="99"/>
      <c r="I634" s="106"/>
      <c r="J634" s="122"/>
      <c r="L634" s="67"/>
    </row>
    <row r="635" spans="2:12" ht="15.75" customHeight="1">
      <c r="B635" s="80"/>
      <c r="C635" s="183"/>
      <c r="D635" s="80" t="s">
        <v>275</v>
      </c>
      <c r="E635" s="84"/>
      <c r="F635" s="80"/>
      <c r="G635" s="214"/>
      <c r="H635" s="96"/>
      <c r="I635" s="110"/>
      <c r="J635" s="121"/>
      <c r="L635" s="67"/>
    </row>
    <row r="636" spans="2:12" ht="15.75" customHeight="1">
      <c r="B636" s="145"/>
      <c r="C636" s="183" t="s">
        <v>250</v>
      </c>
      <c r="D636" s="141" t="s">
        <v>340</v>
      </c>
      <c r="E636" s="85">
        <v>3219.6</v>
      </c>
      <c r="F636" s="90" t="s">
        <v>5</v>
      </c>
      <c r="G636" s="218"/>
      <c r="H636" s="99"/>
      <c r="I636" s="106"/>
      <c r="J636" s="135"/>
      <c r="L636" s="67"/>
    </row>
    <row r="637" spans="2:12" ht="15.75" customHeight="1">
      <c r="B637" s="75"/>
      <c r="C637" s="80"/>
      <c r="D637" s="80" t="s">
        <v>338</v>
      </c>
      <c r="E637" s="84"/>
      <c r="F637" s="80"/>
      <c r="G637" s="214"/>
      <c r="H637" s="96"/>
      <c r="I637" s="110"/>
      <c r="J637" s="121"/>
      <c r="L637" s="67"/>
    </row>
    <row r="638" spans="2:12" ht="15.75" customHeight="1">
      <c r="B638" s="74"/>
      <c r="C638" s="141" t="s">
        <v>337</v>
      </c>
      <c r="D638" s="141" t="s">
        <v>340</v>
      </c>
      <c r="E638" s="85">
        <v>8000</v>
      </c>
      <c r="F638" s="90" t="s">
        <v>5</v>
      </c>
      <c r="G638" s="218"/>
      <c r="H638" s="99"/>
      <c r="I638" s="106"/>
      <c r="J638" s="122"/>
      <c r="L638" s="67"/>
    </row>
    <row r="639" spans="2:12" ht="15.75" customHeight="1">
      <c r="B639" s="75"/>
      <c r="C639" s="153"/>
      <c r="D639" s="80" t="s">
        <v>338</v>
      </c>
      <c r="E639" s="84"/>
      <c r="F639" s="80"/>
      <c r="G639" s="214"/>
      <c r="H639" s="96"/>
      <c r="I639" s="110"/>
      <c r="J639" s="121"/>
      <c r="L639" s="67"/>
    </row>
    <row r="640" spans="2:12" ht="15.75" customHeight="1">
      <c r="B640" s="145"/>
      <c r="C640" s="183" t="s">
        <v>341</v>
      </c>
      <c r="D640" s="141" t="s">
        <v>340</v>
      </c>
      <c r="E640" s="85">
        <v>2500</v>
      </c>
      <c r="F640" s="90" t="s">
        <v>5</v>
      </c>
      <c r="G640" s="218"/>
      <c r="H640" s="99"/>
      <c r="I640" s="106"/>
      <c r="J640" s="135"/>
      <c r="L640" s="67"/>
    </row>
    <row r="641" spans="2:12" ht="15.75" customHeight="1">
      <c r="B641" s="80"/>
      <c r="C641" s="80"/>
      <c r="D641" s="80"/>
      <c r="E641" s="84"/>
      <c r="F641" s="80"/>
      <c r="G641" s="214"/>
      <c r="H641" s="96"/>
      <c r="I641" s="233"/>
      <c r="J641" s="241"/>
      <c r="L641" s="67"/>
    </row>
    <row r="642" spans="2:12" s="70" customFormat="1" ht="15.75" customHeight="1">
      <c r="B642" s="145"/>
      <c r="C642" s="141" t="s">
        <v>251</v>
      </c>
      <c r="D642" s="141" t="s">
        <v>253</v>
      </c>
      <c r="E642" s="85">
        <v>1766.6</v>
      </c>
      <c r="F642" s="90" t="s">
        <v>225</v>
      </c>
      <c r="G642" s="218"/>
      <c r="H642" s="99"/>
      <c r="I642" s="106"/>
      <c r="J642" s="240"/>
      <c r="K642" s="65"/>
      <c r="L642" s="67"/>
    </row>
    <row r="643" spans="2:12" s="70" customFormat="1" ht="15.75" customHeight="1">
      <c r="B643" s="80"/>
      <c r="C643" s="142"/>
      <c r="D643" s="195" t="s">
        <v>258</v>
      </c>
      <c r="E643" s="84"/>
      <c r="F643" s="80"/>
      <c r="G643" s="214"/>
      <c r="H643" s="96"/>
      <c r="I643" s="233"/>
      <c r="J643" s="121"/>
      <c r="K643" s="65"/>
      <c r="L643" s="67"/>
    </row>
    <row r="644" spans="2:12" s="70" customFormat="1" ht="15.75" customHeight="1">
      <c r="B644" s="145"/>
      <c r="C644" s="141" t="s">
        <v>257</v>
      </c>
      <c r="D644" s="196"/>
      <c r="E644" s="85">
        <v>340</v>
      </c>
      <c r="F644" s="90" t="s">
        <v>14</v>
      </c>
      <c r="G644" s="218"/>
      <c r="H644" s="99"/>
      <c r="I644" s="106"/>
      <c r="J644" s="122"/>
      <c r="K644" s="65"/>
      <c r="L644" s="67"/>
    </row>
    <row r="645" spans="2:12" s="70" customFormat="1" ht="15.75" customHeight="1">
      <c r="B645" s="80"/>
      <c r="C645" s="80"/>
      <c r="D645" s="195" t="s">
        <v>62</v>
      </c>
      <c r="E645" s="84"/>
      <c r="F645" s="80"/>
      <c r="G645" s="214"/>
      <c r="H645" s="96"/>
      <c r="I645" s="233"/>
      <c r="J645" s="121"/>
      <c r="K645" s="65"/>
      <c r="L645" s="67"/>
    </row>
    <row r="646" spans="2:12" s="70" customFormat="1" ht="15.75" customHeight="1">
      <c r="B646" s="145"/>
      <c r="C646" s="141" t="s">
        <v>176</v>
      </c>
      <c r="D646" s="196"/>
      <c r="E646" s="85">
        <v>200</v>
      </c>
      <c r="F646" s="90" t="s">
        <v>14</v>
      </c>
      <c r="G646" s="218"/>
      <c r="H646" s="99"/>
      <c r="I646" s="106"/>
      <c r="J646" s="122"/>
      <c r="K646" s="65"/>
      <c r="L646" s="67"/>
    </row>
    <row r="647" spans="2:12" s="70" customFormat="1" ht="15.75" customHeight="1">
      <c r="B647" s="80"/>
      <c r="C647" s="183"/>
      <c r="D647" s="195" t="s">
        <v>263</v>
      </c>
      <c r="E647" s="84"/>
      <c r="F647" s="80"/>
      <c r="G647" s="214"/>
      <c r="H647" s="96"/>
      <c r="I647" s="233"/>
      <c r="J647" s="121"/>
      <c r="K647" s="65"/>
      <c r="L647" s="67"/>
    </row>
    <row r="648" spans="2:12" s="70" customFormat="1" ht="15.75" customHeight="1">
      <c r="B648" s="145"/>
      <c r="C648" s="183" t="s">
        <v>260</v>
      </c>
      <c r="D648" s="196"/>
      <c r="E648" s="85">
        <v>2</v>
      </c>
      <c r="F648" s="90" t="s">
        <v>71</v>
      </c>
      <c r="G648" s="218"/>
      <c r="H648" s="99"/>
      <c r="I648" s="225"/>
      <c r="J648" s="135"/>
      <c r="K648" s="65"/>
      <c r="L648" s="67"/>
    </row>
    <row r="649" spans="2:12" s="70" customFormat="1" ht="15.75" customHeight="1">
      <c r="B649" s="75"/>
      <c r="C649" s="80"/>
      <c r="D649" s="195" t="s">
        <v>239</v>
      </c>
      <c r="E649" s="84"/>
      <c r="F649" s="80"/>
      <c r="G649" s="214"/>
      <c r="H649" s="96"/>
      <c r="I649" s="233"/>
      <c r="J649" s="121"/>
      <c r="K649" s="65"/>
      <c r="L649" s="67"/>
    </row>
    <row r="650" spans="2:12" s="70" customFormat="1" ht="15.75" customHeight="1">
      <c r="B650" s="74"/>
      <c r="C650" s="141" t="s">
        <v>50</v>
      </c>
      <c r="D650" s="189"/>
      <c r="E650" s="85">
        <v>130</v>
      </c>
      <c r="F650" s="90" t="s">
        <v>14</v>
      </c>
      <c r="G650" s="218"/>
      <c r="H650" s="99"/>
      <c r="I650" s="106"/>
      <c r="J650" s="122"/>
      <c r="K650" s="65"/>
      <c r="L650" s="67"/>
    </row>
    <row r="651" spans="2:12" s="70" customFormat="1" ht="15.75" customHeight="1">
      <c r="B651" s="75"/>
      <c r="C651" s="153"/>
      <c r="D651" s="142"/>
      <c r="E651" s="84"/>
      <c r="F651" s="80"/>
      <c r="G651" s="216"/>
      <c r="H651" s="96"/>
      <c r="I651" s="133"/>
      <c r="J651" s="121"/>
      <c r="K651" s="65"/>
      <c r="L651" s="67"/>
    </row>
    <row r="652" spans="2:12" s="70" customFormat="1" ht="15.75" customHeight="1">
      <c r="B652" s="145" t="s">
        <v>271</v>
      </c>
      <c r="C652" s="156"/>
      <c r="D652" s="141"/>
      <c r="E652" s="85">
        <v>1</v>
      </c>
      <c r="F652" s="90" t="s">
        <v>40</v>
      </c>
      <c r="G652" s="215"/>
      <c r="H652" s="100"/>
      <c r="I652" s="106"/>
      <c r="J652" s="122"/>
      <c r="K652" s="65"/>
      <c r="L652" s="67"/>
    </row>
    <row r="653" spans="2:12" s="70" customFormat="1" ht="15.75" customHeight="1">
      <c r="B653" s="71"/>
      <c r="C653" s="80"/>
      <c r="D653" s="80"/>
      <c r="E653" s="84"/>
      <c r="F653" s="80"/>
      <c r="G653" s="214"/>
      <c r="H653" s="96"/>
      <c r="I653" s="110"/>
      <c r="J653" s="123"/>
      <c r="K653" s="65"/>
      <c r="L653" s="67"/>
    </row>
    <row r="654" spans="2:12" s="70" customFormat="1" ht="15.75" customHeight="1">
      <c r="B654" s="74"/>
      <c r="C654" s="81"/>
      <c r="D654" s="81"/>
      <c r="E654" s="85"/>
      <c r="F654" s="90"/>
      <c r="G654" s="213"/>
      <c r="H654" s="99"/>
      <c r="I654" s="106"/>
      <c r="J654" s="123"/>
      <c r="K654" s="65"/>
      <c r="L654" s="67"/>
    </row>
    <row r="655" spans="2:12" s="70" customFormat="1" ht="15.75" customHeight="1">
      <c r="B655" s="71"/>
      <c r="C655" s="80"/>
      <c r="D655" s="80"/>
      <c r="E655" s="84"/>
      <c r="F655" s="80"/>
      <c r="G655" s="214"/>
      <c r="H655" s="96"/>
      <c r="I655" s="110"/>
      <c r="J655" s="124"/>
      <c r="K655" s="65"/>
      <c r="L655" s="67"/>
    </row>
    <row r="656" spans="2:12" s="70" customFormat="1" ht="15.75" customHeight="1">
      <c r="B656" s="74"/>
      <c r="C656" s="81"/>
      <c r="D656" s="81"/>
      <c r="E656" s="85"/>
      <c r="F656" s="90"/>
      <c r="G656" s="213"/>
      <c r="H656" s="99"/>
      <c r="I656" s="106"/>
      <c r="J656" s="125"/>
      <c r="K656" s="65"/>
      <c r="L656" s="67"/>
    </row>
    <row r="657" spans="2:12" s="70" customFormat="1" ht="15.75" customHeight="1">
      <c r="B657" s="71"/>
      <c r="C657" s="80"/>
      <c r="D657" s="80"/>
      <c r="E657" s="84"/>
      <c r="F657" s="80"/>
      <c r="G657" s="214"/>
      <c r="H657" s="96"/>
      <c r="I657" s="229"/>
      <c r="J657" s="124"/>
      <c r="K657" s="65"/>
      <c r="L657" s="67"/>
    </row>
    <row r="658" spans="2:12" s="70" customFormat="1" ht="15.75" customHeight="1">
      <c r="B658" s="74"/>
      <c r="C658" s="81"/>
      <c r="D658" s="81"/>
      <c r="E658" s="85"/>
      <c r="F658" s="90"/>
      <c r="G658" s="213"/>
      <c r="H658" s="99"/>
      <c r="I658" s="106"/>
      <c r="J658" s="125"/>
      <c r="K658" s="65"/>
      <c r="L658" s="67"/>
    </row>
    <row r="659" spans="2:12" s="70" customFormat="1" ht="15.75" customHeight="1">
      <c r="B659" s="71"/>
      <c r="C659" s="80"/>
      <c r="D659" s="80"/>
      <c r="E659" s="84"/>
      <c r="F659" s="80"/>
      <c r="G659" s="214"/>
      <c r="H659" s="96"/>
      <c r="I659" s="110"/>
      <c r="J659" s="124"/>
      <c r="K659" s="65"/>
      <c r="L659" s="67"/>
    </row>
    <row r="660" spans="2:12" s="70" customFormat="1" ht="15.75" customHeight="1">
      <c r="B660" s="129" t="s">
        <v>41</v>
      </c>
      <c r="C660" s="81"/>
      <c r="D660" s="81"/>
      <c r="E660" s="85"/>
      <c r="F660" s="90"/>
      <c r="G660" s="213"/>
      <c r="H660" s="99"/>
      <c r="I660" s="106"/>
      <c r="J660" s="125"/>
      <c r="K660" s="65"/>
      <c r="L660" s="67"/>
    </row>
    <row r="661" spans="2:12" ht="21" customHeight="1">
      <c r="B661" s="65" t="s">
        <v>21</v>
      </c>
      <c r="G661" s="207"/>
    </row>
    <row r="662" spans="2:12" ht="25.5" customHeight="1">
      <c r="B662" s="71" t="s">
        <v>366</v>
      </c>
      <c r="C662" s="77" t="s">
        <v>264</v>
      </c>
      <c r="D662" s="77"/>
      <c r="E662" s="82"/>
      <c r="F662" s="77"/>
      <c r="G662" s="208"/>
      <c r="H662" s="97"/>
      <c r="I662" s="101"/>
      <c r="J662" s="113"/>
    </row>
    <row r="663" spans="2:12" s="67" customFormat="1" ht="24" customHeight="1">
      <c r="B663" s="72" t="s">
        <v>9</v>
      </c>
      <c r="C663" s="72" t="s">
        <v>73</v>
      </c>
      <c r="D663" s="114"/>
      <c r="E663" s="83" t="s">
        <v>20</v>
      </c>
      <c r="F663" s="88" t="s">
        <v>26</v>
      </c>
      <c r="G663" s="209" t="s">
        <v>30</v>
      </c>
      <c r="H663" s="98" t="s">
        <v>11</v>
      </c>
      <c r="I663" s="72" t="s">
        <v>23</v>
      </c>
      <c r="J663" s="114"/>
      <c r="L663" s="69"/>
    </row>
    <row r="664" spans="2:12" ht="15.75" customHeight="1">
      <c r="B664" s="80"/>
      <c r="C664" s="130"/>
      <c r="D664" s="130"/>
      <c r="E664" s="84"/>
      <c r="F664" s="80"/>
      <c r="G664" s="214"/>
      <c r="H664" s="96"/>
      <c r="I664" s="110"/>
      <c r="J664" s="121"/>
      <c r="L664" s="67"/>
    </row>
    <row r="665" spans="2:12" ht="15.75" customHeight="1">
      <c r="B665" s="81" t="s">
        <v>265</v>
      </c>
      <c r="C665" s="141"/>
      <c r="D665" s="141"/>
      <c r="E665" s="85"/>
      <c r="F665" s="90"/>
      <c r="G665" s="218"/>
      <c r="H665" s="99"/>
      <c r="I665" s="106"/>
      <c r="J665" s="122"/>
      <c r="L665" s="67"/>
    </row>
    <row r="666" spans="2:12" ht="15.75" customHeight="1">
      <c r="B666" s="75"/>
      <c r="C666" s="80"/>
      <c r="D666" s="80"/>
      <c r="E666" s="84"/>
      <c r="F666" s="80"/>
      <c r="G666" s="214"/>
      <c r="H666" s="96"/>
      <c r="I666" s="110"/>
      <c r="J666" s="121"/>
      <c r="L666" s="67"/>
    </row>
    <row r="667" spans="2:12" ht="15.75" customHeight="1">
      <c r="B667" s="74">
        <v>1</v>
      </c>
      <c r="C667" s="81" t="s">
        <v>266</v>
      </c>
      <c r="D667" s="81" t="s">
        <v>185</v>
      </c>
      <c r="E667" s="85">
        <v>1</v>
      </c>
      <c r="F667" s="90" t="s">
        <v>40</v>
      </c>
      <c r="G667" s="218"/>
      <c r="H667" s="99"/>
      <c r="I667" s="106"/>
      <c r="J667" s="122"/>
      <c r="L667" s="67"/>
    </row>
    <row r="668" spans="2:12" ht="15.75" customHeight="1">
      <c r="B668" s="71"/>
      <c r="C668" s="157"/>
      <c r="D668" s="157"/>
      <c r="E668" s="84"/>
      <c r="F668" s="80"/>
      <c r="G668" s="214"/>
      <c r="H668" s="96"/>
      <c r="I668" s="110"/>
      <c r="J668" s="121"/>
      <c r="L668" s="67"/>
    </row>
    <row r="669" spans="2:12" ht="15.75" customHeight="1">
      <c r="B669" s="74">
        <v>2</v>
      </c>
      <c r="C669" s="81" t="s">
        <v>269</v>
      </c>
      <c r="D669" s="81" t="s">
        <v>279</v>
      </c>
      <c r="E669" s="85">
        <v>1</v>
      </c>
      <c r="F669" s="90" t="s">
        <v>40</v>
      </c>
      <c r="G669" s="218"/>
      <c r="H669" s="99"/>
      <c r="I669" s="106"/>
      <c r="J669" s="122"/>
      <c r="L669" s="67"/>
    </row>
    <row r="670" spans="2:12" ht="15.75" customHeight="1">
      <c r="B670" s="75"/>
      <c r="C670" s="142"/>
      <c r="D670" s="142"/>
      <c r="E670" s="84"/>
      <c r="F670" s="80"/>
      <c r="G670" s="214"/>
      <c r="H670" s="96"/>
      <c r="I670" s="110"/>
      <c r="J670" s="121"/>
      <c r="L670" s="67"/>
    </row>
    <row r="671" spans="2:12" s="70" customFormat="1" ht="15.75" customHeight="1">
      <c r="B671" s="74">
        <v>3</v>
      </c>
      <c r="C671" s="141" t="s">
        <v>12</v>
      </c>
      <c r="D671" s="141"/>
      <c r="E671" s="85">
        <v>1</v>
      </c>
      <c r="F671" s="90" t="s">
        <v>40</v>
      </c>
      <c r="G671" s="218"/>
      <c r="H671" s="99"/>
      <c r="I671" s="106"/>
      <c r="J671" s="122"/>
      <c r="K671" s="65"/>
      <c r="L671" s="67"/>
    </row>
    <row r="672" spans="2:12" s="70" customFormat="1" ht="15.75" customHeight="1">
      <c r="B672" s="71"/>
      <c r="C672" s="142"/>
      <c r="D672" s="142"/>
      <c r="E672" s="84"/>
      <c r="F672" s="80"/>
      <c r="G672" s="214"/>
      <c r="H672" s="96"/>
      <c r="I672" s="110"/>
      <c r="J672" s="241"/>
      <c r="K672" s="65"/>
      <c r="L672" s="67"/>
    </row>
    <row r="673" spans="2:12" s="70" customFormat="1" ht="15.75" customHeight="1">
      <c r="B673" s="74">
        <v>4</v>
      </c>
      <c r="C673" s="141" t="s">
        <v>247</v>
      </c>
      <c r="D673" s="141"/>
      <c r="E673" s="85">
        <v>1</v>
      </c>
      <c r="F673" s="90" t="s">
        <v>40</v>
      </c>
      <c r="G673" s="213"/>
      <c r="H673" s="99"/>
      <c r="I673" s="106"/>
      <c r="J673" s="240"/>
      <c r="K673" s="65"/>
      <c r="L673" s="67"/>
    </row>
    <row r="674" spans="2:12" s="70" customFormat="1" ht="15.75" customHeight="1">
      <c r="B674" s="71"/>
      <c r="C674" s="130"/>
      <c r="D674" s="130"/>
      <c r="E674" s="84"/>
      <c r="F674" s="89"/>
      <c r="G674" s="212"/>
      <c r="H674" s="96"/>
      <c r="I674" s="110"/>
      <c r="J674" s="124"/>
      <c r="K674" s="65"/>
      <c r="L674" s="67"/>
    </row>
    <row r="675" spans="2:12" s="70" customFormat="1" ht="15.75" customHeight="1">
      <c r="B675" s="74">
        <v>5</v>
      </c>
      <c r="C675" s="81" t="s">
        <v>362</v>
      </c>
      <c r="D675" s="81"/>
      <c r="E675" s="85">
        <v>1</v>
      </c>
      <c r="F675" s="90" t="s">
        <v>40</v>
      </c>
      <c r="G675" s="213"/>
      <c r="H675" s="99"/>
      <c r="I675" s="106"/>
      <c r="J675" s="125"/>
      <c r="K675" s="65"/>
      <c r="L675" s="67"/>
    </row>
    <row r="676" spans="2:12" s="70" customFormat="1" ht="15.75" customHeight="1">
      <c r="B676" s="71"/>
      <c r="C676" s="130"/>
      <c r="D676" s="130"/>
      <c r="E676" s="84"/>
      <c r="F676" s="89"/>
      <c r="G676" s="212"/>
      <c r="H676" s="96"/>
      <c r="I676" s="110"/>
      <c r="J676" s="124"/>
      <c r="K676" s="65"/>
      <c r="L676" s="67"/>
    </row>
    <row r="677" spans="2:12" s="70" customFormat="1" ht="15.75" customHeight="1">
      <c r="B677" s="74"/>
      <c r="C677" s="81"/>
      <c r="D677" s="81"/>
      <c r="E677" s="85"/>
      <c r="F677" s="90"/>
      <c r="G677" s="213"/>
      <c r="H677" s="99"/>
      <c r="I677" s="106"/>
      <c r="J677" s="125"/>
      <c r="K677" s="65"/>
      <c r="L677" s="67"/>
    </row>
    <row r="678" spans="2:12" s="70" customFormat="1" ht="15.75" customHeight="1">
      <c r="B678" s="76"/>
      <c r="C678" s="157"/>
      <c r="D678" s="157"/>
      <c r="E678" s="86"/>
      <c r="F678" s="91"/>
      <c r="G678" s="215"/>
      <c r="H678" s="100"/>
      <c r="I678" s="133"/>
      <c r="J678" s="123"/>
      <c r="K678" s="65"/>
      <c r="L678" s="67"/>
    </row>
    <row r="679" spans="2:12" s="70" customFormat="1" ht="15.75" customHeight="1">
      <c r="B679" s="76"/>
      <c r="C679" s="157"/>
      <c r="D679" s="157"/>
      <c r="E679" s="86"/>
      <c r="F679" s="91"/>
      <c r="G679" s="215"/>
      <c r="H679" s="100"/>
      <c r="I679" s="133"/>
      <c r="J679" s="123"/>
      <c r="K679" s="65"/>
      <c r="L679" s="67"/>
    </row>
    <row r="680" spans="2:12" s="70" customFormat="1" ht="15.75" customHeight="1">
      <c r="B680" s="71"/>
      <c r="C680" s="80"/>
      <c r="D680" s="80"/>
      <c r="E680" s="84"/>
      <c r="F680" s="80"/>
      <c r="G680" s="214"/>
      <c r="H680" s="96"/>
      <c r="I680" s="110"/>
      <c r="J680" s="124"/>
      <c r="K680" s="65"/>
      <c r="L680" s="67"/>
    </row>
    <row r="681" spans="2:12" s="70" customFormat="1" ht="15.75" customHeight="1">
      <c r="B681" s="74"/>
      <c r="C681" s="81"/>
      <c r="D681" s="81"/>
      <c r="E681" s="85"/>
      <c r="F681" s="90"/>
      <c r="G681" s="213"/>
      <c r="H681" s="99"/>
      <c r="I681" s="106"/>
      <c r="J681" s="125"/>
      <c r="K681" s="65"/>
      <c r="L681" s="67"/>
    </row>
    <row r="682" spans="2:12" s="70" customFormat="1" ht="15.75" customHeight="1">
      <c r="B682" s="76"/>
      <c r="C682" s="157"/>
      <c r="D682" s="157"/>
      <c r="E682" s="86"/>
      <c r="F682" s="91"/>
      <c r="G682" s="215"/>
      <c r="H682" s="100"/>
      <c r="I682" s="133"/>
      <c r="J682" s="123"/>
      <c r="K682" s="65"/>
      <c r="L682" s="67"/>
    </row>
    <row r="683" spans="2:12" s="70" customFormat="1" ht="15.75" customHeight="1">
      <c r="B683" s="76"/>
      <c r="C683" s="157"/>
      <c r="D683" s="157"/>
      <c r="E683" s="86"/>
      <c r="F683" s="91"/>
      <c r="G683" s="215"/>
      <c r="H683" s="100"/>
      <c r="I683" s="133"/>
      <c r="J683" s="125"/>
      <c r="K683" s="65"/>
      <c r="L683" s="67"/>
    </row>
    <row r="684" spans="2:12" s="70" customFormat="1" ht="15.75" customHeight="1">
      <c r="B684" s="71"/>
      <c r="C684" s="80"/>
      <c r="D684" s="80"/>
      <c r="E684" s="84"/>
      <c r="F684" s="80"/>
      <c r="G684" s="214"/>
      <c r="H684" s="96"/>
      <c r="I684" s="110"/>
      <c r="J684" s="123"/>
      <c r="K684" s="65"/>
      <c r="L684" s="67"/>
    </row>
    <row r="685" spans="2:12" s="70" customFormat="1" ht="15.75" customHeight="1">
      <c r="B685" s="74"/>
      <c r="C685" s="81"/>
      <c r="D685" s="81"/>
      <c r="E685" s="85"/>
      <c r="F685" s="90"/>
      <c r="G685" s="213"/>
      <c r="H685" s="99"/>
      <c r="I685" s="106"/>
      <c r="J685" s="123"/>
      <c r="K685" s="65"/>
      <c r="L685" s="67"/>
    </row>
    <row r="686" spans="2:12" s="70" customFormat="1" ht="15.75" customHeight="1">
      <c r="B686" s="71"/>
      <c r="C686" s="80"/>
      <c r="D686" s="80"/>
      <c r="E686" s="84"/>
      <c r="F686" s="80"/>
      <c r="G686" s="214"/>
      <c r="H686" s="96"/>
      <c r="I686" s="110"/>
      <c r="J686" s="124"/>
      <c r="K686" s="65"/>
      <c r="L686" s="67"/>
    </row>
    <row r="687" spans="2:12" s="70" customFormat="1" ht="15.75" customHeight="1">
      <c r="B687" s="74"/>
      <c r="C687" s="81"/>
      <c r="D687" s="81"/>
      <c r="E687" s="85"/>
      <c r="F687" s="90"/>
      <c r="G687" s="213"/>
      <c r="H687" s="99"/>
      <c r="I687" s="106"/>
      <c r="J687" s="125"/>
      <c r="K687" s="65"/>
      <c r="L687" s="67"/>
    </row>
    <row r="688" spans="2:12" s="70" customFormat="1" ht="15.75" customHeight="1">
      <c r="B688" s="71"/>
      <c r="C688" s="80"/>
      <c r="D688" s="80"/>
      <c r="E688" s="84"/>
      <c r="F688" s="80"/>
      <c r="G688" s="214"/>
      <c r="H688" s="96"/>
      <c r="I688" s="229"/>
      <c r="J688" s="124"/>
      <c r="K688" s="65"/>
      <c r="L688" s="67"/>
    </row>
    <row r="689" spans="2:12" s="70" customFormat="1" ht="15.75" customHeight="1">
      <c r="B689" s="74"/>
      <c r="C689" s="81"/>
      <c r="D689" s="81"/>
      <c r="E689" s="85"/>
      <c r="F689" s="90"/>
      <c r="G689" s="213"/>
      <c r="H689" s="99"/>
      <c r="I689" s="106"/>
      <c r="J689" s="125"/>
      <c r="K689" s="65"/>
      <c r="L689" s="67"/>
    </row>
    <row r="690" spans="2:12" s="70" customFormat="1" ht="15.75" customHeight="1">
      <c r="B690" s="71"/>
      <c r="C690" s="80"/>
      <c r="D690" s="80"/>
      <c r="E690" s="84"/>
      <c r="F690" s="80"/>
      <c r="G690" s="214"/>
      <c r="H690" s="96"/>
      <c r="I690" s="133"/>
      <c r="J690" s="124"/>
      <c r="K690" s="65"/>
      <c r="L690" s="67"/>
    </row>
    <row r="691" spans="2:12" s="70" customFormat="1" ht="15.75" customHeight="1">
      <c r="B691" s="74"/>
      <c r="C691" s="81"/>
      <c r="D691" s="81"/>
      <c r="E691" s="85"/>
      <c r="F691" s="90"/>
      <c r="G691" s="213"/>
      <c r="H691" s="99"/>
      <c r="I691" s="106"/>
      <c r="J691" s="125"/>
      <c r="K691" s="65"/>
      <c r="L691" s="67"/>
    </row>
    <row r="692" spans="2:12" s="70" customFormat="1" ht="15.75" customHeight="1">
      <c r="B692" s="71"/>
      <c r="C692" s="80"/>
      <c r="D692" s="80"/>
      <c r="E692" s="84"/>
      <c r="F692" s="80"/>
      <c r="G692" s="214"/>
      <c r="H692" s="96"/>
      <c r="I692" s="110"/>
      <c r="J692" s="124"/>
      <c r="K692" s="65"/>
      <c r="L692" s="67"/>
    </row>
    <row r="693" spans="2:12" s="70" customFormat="1" ht="15.75" customHeight="1">
      <c r="B693" s="129" t="s">
        <v>41</v>
      </c>
      <c r="C693" s="81"/>
      <c r="D693" s="81"/>
      <c r="E693" s="85"/>
      <c r="F693" s="90"/>
      <c r="G693" s="213"/>
      <c r="H693" s="99"/>
      <c r="I693" s="106"/>
      <c r="J693" s="125"/>
      <c r="K693" s="65"/>
      <c r="L693" s="67"/>
    </row>
    <row r="694" spans="2:12" ht="21" customHeight="1">
      <c r="B694" s="65" t="s">
        <v>21</v>
      </c>
      <c r="G694" s="207"/>
    </row>
    <row r="695" spans="2:12" ht="25.5" customHeight="1">
      <c r="B695" s="71" t="s">
        <v>366</v>
      </c>
      <c r="C695" s="77" t="s">
        <v>264</v>
      </c>
      <c r="D695" s="77"/>
      <c r="E695" s="82"/>
      <c r="F695" s="77"/>
      <c r="G695" s="208"/>
      <c r="H695" s="97"/>
      <c r="I695" s="101"/>
      <c r="J695" s="113"/>
    </row>
    <row r="696" spans="2:12" s="67" customFormat="1" ht="24" customHeight="1">
      <c r="B696" s="72" t="s">
        <v>9</v>
      </c>
      <c r="C696" s="72" t="s">
        <v>73</v>
      </c>
      <c r="D696" s="114"/>
      <c r="E696" s="83" t="s">
        <v>20</v>
      </c>
      <c r="F696" s="88" t="s">
        <v>26</v>
      </c>
      <c r="G696" s="209" t="s">
        <v>30</v>
      </c>
      <c r="H696" s="98" t="s">
        <v>11</v>
      </c>
      <c r="I696" s="72" t="s">
        <v>23</v>
      </c>
      <c r="J696" s="114"/>
      <c r="L696" s="69"/>
    </row>
    <row r="697" spans="2:12" s="70" customFormat="1" ht="15.75" customHeight="1">
      <c r="B697" s="152"/>
      <c r="C697" s="152"/>
      <c r="D697" s="154"/>
      <c r="E697" s="84"/>
      <c r="F697" s="80"/>
      <c r="G697" s="214"/>
      <c r="H697" s="96"/>
      <c r="I697" s="110"/>
      <c r="J697" s="121"/>
      <c r="K697" s="65"/>
      <c r="L697" s="67"/>
    </row>
    <row r="698" spans="2:12" s="70" customFormat="1" ht="15.75" customHeight="1">
      <c r="B698" s="143" t="s">
        <v>270</v>
      </c>
      <c r="C698" s="176" t="s">
        <v>272</v>
      </c>
      <c r="D698" s="143" t="s">
        <v>64</v>
      </c>
      <c r="E698" s="85">
        <v>1</v>
      </c>
      <c r="F698" s="90" t="s">
        <v>40</v>
      </c>
      <c r="G698" s="218"/>
      <c r="H698" s="99"/>
      <c r="I698" s="106"/>
      <c r="J698" s="122"/>
      <c r="K698" s="65"/>
      <c r="L698" s="67"/>
    </row>
    <row r="699" spans="2:12" ht="15.75" customHeight="1">
      <c r="B699" s="153"/>
      <c r="C699" s="152"/>
      <c r="D699" s="197"/>
      <c r="E699" s="84"/>
      <c r="F699" s="80"/>
      <c r="G699" s="214"/>
      <c r="H699" s="154"/>
      <c r="I699" s="133"/>
      <c r="J699" s="242"/>
      <c r="L699" s="67"/>
    </row>
    <row r="700" spans="2:12" ht="15.75" customHeight="1">
      <c r="B700" s="143"/>
      <c r="C700" s="156" t="s">
        <v>42</v>
      </c>
      <c r="D700" s="143"/>
      <c r="E700" s="85"/>
      <c r="F700" s="90"/>
      <c r="G700" s="218"/>
      <c r="H700" s="143"/>
      <c r="I700" s="106"/>
      <c r="J700" s="122"/>
      <c r="L700" s="67"/>
    </row>
    <row r="701" spans="2:12" ht="15.75" customHeight="1">
      <c r="B701" s="154"/>
      <c r="C701" s="130"/>
      <c r="D701" s="130"/>
      <c r="E701" s="84"/>
      <c r="F701" s="89"/>
      <c r="G701" s="214"/>
      <c r="H701" s="96"/>
      <c r="I701" s="110"/>
      <c r="J701" s="121"/>
      <c r="L701" s="67"/>
    </row>
    <row r="702" spans="2:12" ht="15.75" customHeight="1">
      <c r="B702" s="143"/>
      <c r="C702" s="81"/>
      <c r="D702" s="173"/>
      <c r="E702" s="85"/>
      <c r="F702" s="90"/>
      <c r="G702" s="218"/>
      <c r="H702" s="99"/>
      <c r="I702" s="106"/>
      <c r="J702" s="122"/>
      <c r="L702" s="67"/>
    </row>
    <row r="703" spans="2:12" ht="15.75" customHeight="1">
      <c r="B703" s="154"/>
      <c r="C703" s="153"/>
      <c r="D703" s="154"/>
      <c r="E703" s="84"/>
      <c r="F703" s="80"/>
      <c r="G703" s="214"/>
      <c r="H703" s="154"/>
      <c r="I703" s="133"/>
      <c r="J703" s="242"/>
      <c r="L703" s="67"/>
    </row>
    <row r="704" spans="2:12" ht="15.75" customHeight="1">
      <c r="B704" s="143" t="s">
        <v>353</v>
      </c>
      <c r="C704" s="156"/>
      <c r="D704" s="81"/>
      <c r="E704" s="85"/>
      <c r="F704" s="90"/>
      <c r="G704" s="213"/>
      <c r="H704" s="143"/>
      <c r="I704" s="106"/>
      <c r="J704" s="122"/>
      <c r="L704" s="67"/>
    </row>
    <row r="705" spans="2:12" ht="15.75" customHeight="1">
      <c r="B705" s="153"/>
      <c r="C705" s="73" t="s">
        <v>134</v>
      </c>
      <c r="D705" s="154" t="s">
        <v>273</v>
      </c>
      <c r="E705" s="84"/>
      <c r="F705" s="80"/>
      <c r="G705" s="214"/>
      <c r="H705" s="96"/>
      <c r="I705" s="110"/>
      <c r="J705" s="124"/>
      <c r="L705" s="67"/>
    </row>
    <row r="706" spans="2:12" s="70" customFormat="1" ht="15.75" customHeight="1">
      <c r="B706" s="143"/>
      <c r="C706" s="137" t="s">
        <v>235</v>
      </c>
      <c r="D706" s="143" t="s">
        <v>274</v>
      </c>
      <c r="E706" s="85">
        <v>2</v>
      </c>
      <c r="F706" s="90" t="s">
        <v>172</v>
      </c>
      <c r="G706" s="211"/>
      <c r="H706" s="99"/>
      <c r="I706" s="106"/>
      <c r="J706" s="122"/>
      <c r="K706" s="65"/>
      <c r="L706" s="67"/>
    </row>
    <row r="707" spans="2:12" s="70" customFormat="1" ht="15.75" customHeight="1">
      <c r="B707" s="153"/>
      <c r="C707" s="152"/>
      <c r="D707" s="130"/>
      <c r="E707" s="84"/>
      <c r="F707" s="89"/>
      <c r="G707" s="214"/>
      <c r="H707" s="154"/>
      <c r="I707" s="110"/>
      <c r="J707" s="124"/>
      <c r="K707" s="65"/>
      <c r="L707" s="67"/>
    </row>
    <row r="708" spans="2:12" s="70" customFormat="1" ht="15.75" customHeight="1">
      <c r="B708" s="143"/>
      <c r="C708" s="156" t="s">
        <v>42</v>
      </c>
      <c r="D708" s="81"/>
      <c r="E708" s="85"/>
      <c r="F708" s="90"/>
      <c r="G708" s="213"/>
      <c r="H708" s="143"/>
      <c r="I708" s="106"/>
      <c r="J708" s="122"/>
      <c r="K708" s="65"/>
      <c r="L708" s="67"/>
    </row>
    <row r="709" spans="2:12" s="70" customFormat="1" ht="15.75" customHeight="1">
      <c r="B709" s="154"/>
      <c r="C709" s="130"/>
      <c r="D709" s="178"/>
      <c r="E709" s="84"/>
      <c r="F709" s="89"/>
      <c r="G709" s="214"/>
      <c r="H709" s="154"/>
      <c r="I709" s="229"/>
      <c r="J709" s="124"/>
      <c r="K709" s="65"/>
      <c r="L709" s="67"/>
    </row>
    <row r="710" spans="2:12" s="70" customFormat="1" ht="15.75" customHeight="1">
      <c r="B710" s="143"/>
      <c r="C710" s="81"/>
      <c r="D710" s="81"/>
      <c r="E710" s="85"/>
      <c r="F710" s="90"/>
      <c r="G710" s="213"/>
      <c r="H710" s="143"/>
      <c r="I710" s="106"/>
      <c r="J710" s="122"/>
      <c r="K710" s="65"/>
      <c r="L710" s="67"/>
    </row>
    <row r="711" spans="2:12" s="70" customFormat="1" ht="15.75" customHeight="1">
      <c r="B711" s="155"/>
      <c r="C711" s="157"/>
      <c r="D711" s="157"/>
      <c r="E711" s="86"/>
      <c r="F711" s="91"/>
      <c r="G711" s="215"/>
      <c r="H711" s="155"/>
      <c r="I711" s="230"/>
      <c r="J711" s="121"/>
      <c r="K711" s="65"/>
      <c r="L711" s="67"/>
    </row>
    <row r="712" spans="2:12" s="70" customFormat="1" ht="15.75" customHeight="1">
      <c r="B712" s="155"/>
      <c r="C712" s="157"/>
      <c r="D712" s="157"/>
      <c r="E712" s="86"/>
      <c r="F712" s="91"/>
      <c r="G712" s="215"/>
      <c r="H712" s="155"/>
      <c r="I712" s="225"/>
      <c r="J712" s="122"/>
      <c r="K712" s="65"/>
      <c r="L712" s="67"/>
    </row>
    <row r="713" spans="2:12" s="70" customFormat="1" ht="15.75" customHeight="1">
      <c r="B713" s="153"/>
      <c r="C713" s="152"/>
      <c r="D713" s="152"/>
      <c r="E713" s="84"/>
      <c r="F713" s="80"/>
      <c r="G713" s="214"/>
      <c r="H713" s="130"/>
      <c r="I713" s="133"/>
      <c r="J713" s="242"/>
      <c r="K713" s="65"/>
      <c r="L713" s="67"/>
    </row>
    <row r="714" spans="2:12" s="70" customFormat="1" ht="15.75" customHeight="1">
      <c r="B714" s="143"/>
      <c r="C714" s="156"/>
      <c r="D714" s="143"/>
      <c r="E714" s="85"/>
      <c r="F714" s="90"/>
      <c r="G714" s="213"/>
      <c r="H714" s="81"/>
      <c r="I714" s="106"/>
      <c r="J714" s="122"/>
      <c r="K714" s="65"/>
      <c r="L714" s="67"/>
    </row>
    <row r="715" spans="2:12" s="70" customFormat="1" ht="15.75" customHeight="1">
      <c r="B715" s="153"/>
      <c r="C715" s="73"/>
      <c r="D715" s="154"/>
      <c r="E715" s="84"/>
      <c r="F715" s="80"/>
      <c r="G715" s="214"/>
      <c r="H715" s="154"/>
      <c r="I715" s="110"/>
      <c r="J715" s="123"/>
      <c r="K715" s="65"/>
      <c r="L715" s="67"/>
    </row>
    <row r="716" spans="2:12" s="70" customFormat="1" ht="15.75" customHeight="1">
      <c r="B716" s="143"/>
      <c r="C716" s="137"/>
      <c r="D716" s="143"/>
      <c r="E716" s="85"/>
      <c r="F716" s="90"/>
      <c r="G716" s="213"/>
      <c r="H716" s="143"/>
      <c r="I716" s="106"/>
      <c r="J716" s="122"/>
      <c r="K716" s="65"/>
      <c r="L716" s="67"/>
    </row>
    <row r="717" spans="2:12" s="70" customFormat="1" ht="15.75" customHeight="1">
      <c r="B717" s="154"/>
      <c r="C717" s="153"/>
      <c r="D717" s="154"/>
      <c r="E717" s="84"/>
      <c r="F717" s="80"/>
      <c r="G717" s="214"/>
      <c r="H717" s="154"/>
      <c r="I717" s="133"/>
      <c r="J717" s="242"/>
      <c r="K717" s="65"/>
      <c r="L717" s="67"/>
    </row>
    <row r="718" spans="2:12" s="70" customFormat="1" ht="15.75" customHeight="1">
      <c r="B718" s="143"/>
      <c r="C718" s="156"/>
      <c r="D718" s="81"/>
      <c r="E718" s="85"/>
      <c r="F718" s="90"/>
      <c r="G718" s="213"/>
      <c r="H718" s="81"/>
      <c r="I718" s="106"/>
      <c r="J718" s="122"/>
      <c r="K718" s="65"/>
      <c r="L718" s="67"/>
    </row>
    <row r="719" spans="2:12" s="70" customFormat="1" ht="15.75" customHeight="1">
      <c r="B719" s="153"/>
      <c r="C719" s="73"/>
      <c r="D719" s="154"/>
      <c r="E719" s="84"/>
      <c r="F719" s="80"/>
      <c r="G719" s="214"/>
      <c r="H719" s="154"/>
      <c r="I719" s="133"/>
      <c r="J719" s="242"/>
      <c r="K719" s="65"/>
      <c r="L719" s="67"/>
    </row>
    <row r="720" spans="2:12" s="70" customFormat="1" ht="15.75" customHeight="1">
      <c r="B720" s="143"/>
      <c r="C720" s="137"/>
      <c r="D720" s="143"/>
      <c r="E720" s="85"/>
      <c r="F720" s="90"/>
      <c r="G720" s="213"/>
      <c r="H720" s="81"/>
      <c r="I720" s="106"/>
      <c r="J720" s="122"/>
      <c r="K720" s="65"/>
      <c r="L720" s="67"/>
    </row>
    <row r="721" spans="2:12" s="70" customFormat="1" ht="15.75" customHeight="1">
      <c r="B721" s="75"/>
      <c r="C721" s="152"/>
      <c r="D721" s="154"/>
      <c r="E721" s="84"/>
      <c r="F721" s="80"/>
      <c r="G721" s="214"/>
      <c r="H721" s="96"/>
      <c r="I721" s="110"/>
      <c r="J721" s="123"/>
      <c r="K721" s="65"/>
      <c r="L721" s="67"/>
    </row>
    <row r="722" spans="2:12" s="70" customFormat="1" ht="15.75" customHeight="1">
      <c r="B722" s="74"/>
      <c r="C722" s="156"/>
      <c r="D722" s="143"/>
      <c r="E722" s="85"/>
      <c r="F722" s="90"/>
      <c r="G722" s="213"/>
      <c r="H722" s="99"/>
      <c r="I722" s="106"/>
      <c r="J722" s="125"/>
      <c r="K722" s="65"/>
      <c r="L722" s="67"/>
    </row>
    <row r="723" spans="2:12" s="70" customFormat="1" ht="15.75" customHeight="1">
      <c r="B723" s="75"/>
      <c r="C723" s="152"/>
      <c r="D723" s="197"/>
      <c r="E723" s="86"/>
      <c r="F723" s="91"/>
      <c r="G723" s="215"/>
      <c r="H723" s="100"/>
      <c r="I723" s="133"/>
      <c r="J723" s="123"/>
      <c r="K723" s="65"/>
      <c r="L723" s="67"/>
    </row>
    <row r="724" spans="2:12" s="70" customFormat="1" ht="15.75" customHeight="1">
      <c r="B724" s="145"/>
      <c r="C724" s="176"/>
      <c r="D724" s="143"/>
      <c r="E724" s="85"/>
      <c r="F724" s="90"/>
      <c r="G724" s="213"/>
      <c r="H724" s="100"/>
      <c r="I724" s="133"/>
      <c r="J724" s="123"/>
      <c r="K724" s="65"/>
      <c r="L724" s="67"/>
    </row>
    <row r="725" spans="2:12" s="70" customFormat="1" ht="15.75" customHeight="1">
      <c r="B725" s="153"/>
      <c r="C725" s="152"/>
      <c r="D725" s="197"/>
      <c r="E725" s="86"/>
      <c r="F725" s="91"/>
      <c r="G725" s="217"/>
      <c r="H725" s="96"/>
      <c r="I725" s="110"/>
      <c r="J725" s="121"/>
      <c r="K725" s="65"/>
      <c r="L725" s="67"/>
    </row>
    <row r="726" spans="2:12" s="70" customFormat="1" ht="15.75" customHeight="1">
      <c r="B726" s="156"/>
      <c r="C726" s="176"/>
      <c r="D726" s="143"/>
      <c r="E726" s="85"/>
      <c r="F726" s="90"/>
      <c r="G726" s="213"/>
      <c r="H726" s="99"/>
      <c r="I726" s="106"/>
      <c r="J726" s="122"/>
      <c r="K726" s="65"/>
      <c r="L726" s="67"/>
    </row>
    <row r="727" spans="2:12" ht="21" customHeight="1">
      <c r="B727" s="65" t="s">
        <v>21</v>
      </c>
      <c r="G727" s="207"/>
    </row>
    <row r="728" spans="2:12" ht="25.5" customHeight="1">
      <c r="B728" s="71" t="s">
        <v>366</v>
      </c>
      <c r="C728" s="77" t="s">
        <v>264</v>
      </c>
      <c r="D728" s="77"/>
      <c r="E728" s="82"/>
      <c r="F728" s="77"/>
      <c r="G728" s="208"/>
      <c r="H728" s="97"/>
      <c r="I728" s="101"/>
      <c r="J728" s="113"/>
    </row>
    <row r="729" spans="2:12" s="67" customFormat="1" ht="24" customHeight="1">
      <c r="B729" s="72" t="s">
        <v>9</v>
      </c>
      <c r="C729" s="72" t="s">
        <v>73</v>
      </c>
      <c r="D729" s="114"/>
      <c r="E729" s="83" t="s">
        <v>20</v>
      </c>
      <c r="F729" s="88" t="s">
        <v>26</v>
      </c>
      <c r="G729" s="209" t="s">
        <v>30</v>
      </c>
      <c r="H729" s="98" t="s">
        <v>11</v>
      </c>
      <c r="I729" s="72" t="s">
        <v>23</v>
      </c>
      <c r="J729" s="114"/>
      <c r="L729" s="69"/>
    </row>
    <row r="730" spans="2:12" s="70" customFormat="1" ht="15" customHeight="1">
      <c r="B730" s="152"/>
      <c r="C730" s="152"/>
      <c r="D730" s="154"/>
      <c r="E730" s="84"/>
      <c r="F730" s="89"/>
      <c r="G730" s="214"/>
      <c r="H730" s="96"/>
      <c r="I730" s="110"/>
      <c r="J730" s="121"/>
      <c r="K730" s="65"/>
      <c r="L730" s="67"/>
    </row>
    <row r="731" spans="2:12" s="70" customFormat="1" ht="15" customHeight="1">
      <c r="B731" s="143" t="s">
        <v>24</v>
      </c>
      <c r="C731" s="176" t="s">
        <v>31</v>
      </c>
      <c r="D731" s="143"/>
      <c r="E731" s="85"/>
      <c r="F731" s="90"/>
      <c r="G731" s="218"/>
      <c r="H731" s="99"/>
      <c r="I731" s="106"/>
      <c r="J731" s="122"/>
      <c r="K731" s="65"/>
      <c r="L731" s="67"/>
    </row>
    <row r="732" spans="2:12" ht="15" customHeight="1">
      <c r="B732" s="153"/>
      <c r="C732" s="152"/>
      <c r="D732" s="152"/>
      <c r="E732" s="84"/>
      <c r="F732" s="80"/>
      <c r="G732" s="214"/>
      <c r="H732" s="154"/>
      <c r="I732" s="133"/>
      <c r="J732" s="242"/>
      <c r="L732" s="67"/>
    </row>
    <row r="733" spans="2:12" ht="15" customHeight="1">
      <c r="B733" s="143"/>
      <c r="C733" s="176" t="s">
        <v>276</v>
      </c>
      <c r="D733" s="143" t="s">
        <v>202</v>
      </c>
      <c r="E733" s="85">
        <v>1</v>
      </c>
      <c r="F733" s="90" t="s">
        <v>40</v>
      </c>
      <c r="G733" s="218"/>
      <c r="H733" s="143"/>
      <c r="I733" s="106"/>
      <c r="J733" s="122"/>
      <c r="L733" s="67"/>
    </row>
    <row r="734" spans="2:12" ht="15" customHeight="1">
      <c r="B734" s="154"/>
      <c r="C734" s="152"/>
      <c r="D734" s="152"/>
      <c r="E734" s="84"/>
      <c r="F734" s="80"/>
      <c r="G734" s="214"/>
      <c r="H734" s="96"/>
      <c r="I734" s="110"/>
      <c r="J734" s="121"/>
      <c r="L734" s="67"/>
    </row>
    <row r="735" spans="2:12" ht="15" customHeight="1">
      <c r="B735" s="143"/>
      <c r="C735" s="176" t="s">
        <v>91</v>
      </c>
      <c r="D735" s="143" t="s">
        <v>290</v>
      </c>
      <c r="E735" s="85">
        <v>16</v>
      </c>
      <c r="F735" s="90" t="s">
        <v>286</v>
      </c>
      <c r="G735" s="218"/>
      <c r="H735" s="99"/>
      <c r="I735" s="106"/>
      <c r="J735" s="122"/>
      <c r="L735" s="67"/>
    </row>
    <row r="736" spans="2:12" ht="15" customHeight="1">
      <c r="B736" s="154"/>
      <c r="C736" s="152"/>
      <c r="D736" s="152"/>
      <c r="E736" s="84"/>
      <c r="F736" s="80"/>
      <c r="G736" s="214"/>
      <c r="H736" s="96"/>
      <c r="I736" s="133"/>
      <c r="J736" s="242"/>
      <c r="L736" s="67"/>
    </row>
    <row r="737" spans="2:12" ht="15" customHeight="1">
      <c r="B737" s="143"/>
      <c r="C737" s="176" t="s">
        <v>280</v>
      </c>
      <c r="D737" s="143" t="s">
        <v>202</v>
      </c>
      <c r="E737" s="85">
        <v>1</v>
      </c>
      <c r="F737" s="90" t="s">
        <v>40</v>
      </c>
      <c r="G737" s="218"/>
      <c r="H737" s="99"/>
      <c r="I737" s="106"/>
      <c r="J737" s="122"/>
      <c r="L737" s="67"/>
    </row>
    <row r="738" spans="2:12" ht="15" customHeight="1">
      <c r="B738" s="154"/>
      <c r="C738" s="152"/>
      <c r="D738" s="130"/>
      <c r="E738" s="84"/>
      <c r="F738" s="80"/>
      <c r="G738" s="214"/>
      <c r="H738" s="96"/>
      <c r="I738" s="110"/>
      <c r="J738" s="124"/>
      <c r="L738" s="67"/>
    </row>
    <row r="739" spans="2:12" s="70" customFormat="1" ht="15" customHeight="1">
      <c r="B739" s="143"/>
      <c r="C739" s="176"/>
      <c r="D739" s="81" t="s">
        <v>151</v>
      </c>
      <c r="E739" s="85">
        <v>1</v>
      </c>
      <c r="F739" s="90" t="s">
        <v>40</v>
      </c>
      <c r="G739" s="218"/>
      <c r="H739" s="99"/>
      <c r="I739" s="106"/>
      <c r="J739" s="122"/>
      <c r="K739" s="65"/>
      <c r="L739" s="67"/>
    </row>
    <row r="740" spans="2:12" s="70" customFormat="1" ht="15" customHeight="1">
      <c r="B740" s="153"/>
      <c r="C740" s="152"/>
      <c r="D740" s="152"/>
      <c r="E740" s="84"/>
      <c r="F740" s="80"/>
      <c r="G740" s="214"/>
      <c r="H740" s="96"/>
      <c r="I740" s="133"/>
      <c r="J740" s="242"/>
      <c r="K740" s="65"/>
      <c r="L740" s="67"/>
    </row>
    <row r="741" spans="2:12" s="70" customFormat="1" ht="15" customHeight="1">
      <c r="B741" s="143"/>
      <c r="C741" s="176" t="s">
        <v>281</v>
      </c>
      <c r="D741" s="143" t="s">
        <v>277</v>
      </c>
      <c r="E741" s="85">
        <v>1</v>
      </c>
      <c r="F741" s="90" t="s">
        <v>282</v>
      </c>
      <c r="G741" s="218"/>
      <c r="H741" s="99"/>
      <c r="I741" s="106"/>
      <c r="J741" s="122"/>
      <c r="K741" s="65"/>
      <c r="L741" s="67"/>
    </row>
    <row r="742" spans="2:12" s="70" customFormat="1" ht="15" customHeight="1">
      <c r="B742" s="154"/>
      <c r="C742" s="152"/>
      <c r="D742" s="154"/>
      <c r="E742" s="84"/>
      <c r="F742" s="80"/>
      <c r="G742" s="214"/>
      <c r="H742" s="96"/>
      <c r="I742" s="110"/>
      <c r="J742" s="124"/>
      <c r="K742" s="65"/>
      <c r="L742" s="67"/>
    </row>
    <row r="743" spans="2:12" s="70" customFormat="1" ht="15" customHeight="1">
      <c r="B743" s="143"/>
      <c r="C743" s="176"/>
      <c r="D743" s="143" t="s">
        <v>278</v>
      </c>
      <c r="E743" s="85">
        <v>3</v>
      </c>
      <c r="F743" s="90" t="s">
        <v>282</v>
      </c>
      <c r="G743" s="218"/>
      <c r="H743" s="99"/>
      <c r="I743" s="106"/>
      <c r="J743" s="122"/>
      <c r="K743" s="65"/>
      <c r="L743" s="67"/>
    </row>
    <row r="744" spans="2:12" s="70" customFormat="1" ht="15" customHeight="1">
      <c r="B744" s="154"/>
      <c r="C744" s="152" t="s">
        <v>161</v>
      </c>
      <c r="D744" s="152" t="s">
        <v>157</v>
      </c>
      <c r="E744" s="84"/>
      <c r="F744" s="80"/>
      <c r="G744" s="214"/>
      <c r="H744" s="96"/>
      <c r="I744" s="229"/>
      <c r="J744" s="124"/>
      <c r="K744" s="65"/>
      <c r="L744" s="67"/>
    </row>
    <row r="745" spans="2:12" s="70" customFormat="1" ht="15" customHeight="1">
      <c r="B745" s="143"/>
      <c r="C745" s="176"/>
      <c r="D745" s="143" t="s">
        <v>16</v>
      </c>
      <c r="E745" s="85">
        <v>15</v>
      </c>
      <c r="F745" s="90" t="s">
        <v>282</v>
      </c>
      <c r="G745" s="218"/>
      <c r="H745" s="99"/>
      <c r="I745" s="106"/>
      <c r="J745" s="122"/>
      <c r="K745" s="65"/>
      <c r="L745" s="67"/>
    </row>
    <row r="746" spans="2:12" s="70" customFormat="1" ht="15" customHeight="1">
      <c r="B746" s="153"/>
      <c r="C746" s="152"/>
      <c r="D746" s="154" t="s">
        <v>287</v>
      </c>
      <c r="E746" s="84"/>
      <c r="F746" s="80"/>
      <c r="G746" s="214"/>
      <c r="H746" s="96"/>
      <c r="I746" s="133"/>
      <c r="J746" s="242"/>
      <c r="K746" s="65"/>
      <c r="L746" s="67"/>
    </row>
    <row r="747" spans="2:12" s="70" customFormat="1" ht="15" customHeight="1">
      <c r="B747" s="143"/>
      <c r="C747" s="176"/>
      <c r="D747" s="143" t="s">
        <v>16</v>
      </c>
      <c r="E747" s="85">
        <v>15</v>
      </c>
      <c r="F747" s="90" t="s">
        <v>282</v>
      </c>
      <c r="G747" s="218"/>
      <c r="H747" s="99"/>
      <c r="I747" s="106"/>
      <c r="J747" s="122"/>
      <c r="K747" s="65"/>
      <c r="L747" s="67"/>
    </row>
    <row r="748" spans="2:12" s="70" customFormat="1" ht="15" customHeight="1">
      <c r="B748" s="154"/>
      <c r="C748" s="172"/>
      <c r="D748" s="155" t="s">
        <v>364</v>
      </c>
      <c r="E748" s="84"/>
      <c r="F748" s="80"/>
      <c r="G748" s="214"/>
      <c r="H748" s="96"/>
      <c r="I748" s="133"/>
      <c r="J748" s="242"/>
      <c r="K748" s="65"/>
      <c r="L748" s="67"/>
    </row>
    <row r="749" spans="2:12" s="70" customFormat="1" ht="15" customHeight="1">
      <c r="B749" s="143"/>
      <c r="C749" s="172"/>
      <c r="D749" s="143" t="s">
        <v>16</v>
      </c>
      <c r="E749" s="85">
        <v>15</v>
      </c>
      <c r="F749" s="90" t="s">
        <v>282</v>
      </c>
      <c r="G749" s="218"/>
      <c r="H749" s="99"/>
      <c r="I749" s="106"/>
      <c r="J749" s="122"/>
      <c r="K749" s="65"/>
      <c r="L749" s="67"/>
    </row>
    <row r="750" spans="2:12" s="70" customFormat="1" ht="15" customHeight="1">
      <c r="B750" s="155"/>
      <c r="C750" s="152" t="s">
        <v>74</v>
      </c>
      <c r="D750" s="190" t="s">
        <v>268</v>
      </c>
      <c r="E750" s="84"/>
      <c r="F750" s="80"/>
      <c r="G750" s="217"/>
      <c r="H750" s="96"/>
      <c r="I750" s="133"/>
      <c r="J750" s="242"/>
      <c r="K750" s="65"/>
      <c r="L750" s="67"/>
    </row>
    <row r="751" spans="2:12" s="70" customFormat="1" ht="15" customHeight="1">
      <c r="B751" s="155"/>
      <c r="C751" s="81" t="s">
        <v>130</v>
      </c>
      <c r="D751" s="198"/>
      <c r="E751" s="85">
        <v>9</v>
      </c>
      <c r="F751" s="90" t="s">
        <v>286</v>
      </c>
      <c r="G751" s="217"/>
      <c r="H751" s="99"/>
      <c r="I751" s="106"/>
      <c r="J751" s="122"/>
      <c r="K751" s="65"/>
      <c r="L751" s="67"/>
    </row>
    <row r="752" spans="2:12" s="70" customFormat="1" ht="15" customHeight="1">
      <c r="B752" s="153"/>
      <c r="C752" s="152"/>
      <c r="D752" s="152" t="s">
        <v>365</v>
      </c>
      <c r="E752" s="84"/>
      <c r="F752" s="80"/>
      <c r="G752" s="214"/>
      <c r="H752" s="96"/>
      <c r="I752" s="133"/>
      <c r="J752" s="242"/>
      <c r="K752" s="65"/>
      <c r="L752" s="67"/>
    </row>
    <row r="753" spans="2:12" s="70" customFormat="1" ht="15" customHeight="1">
      <c r="B753" s="143"/>
      <c r="C753" s="81"/>
      <c r="D753" s="143" t="s">
        <v>278</v>
      </c>
      <c r="E753" s="85">
        <v>9</v>
      </c>
      <c r="F753" s="90" t="s">
        <v>282</v>
      </c>
      <c r="G753" s="218"/>
      <c r="H753" s="99"/>
      <c r="I753" s="106"/>
      <c r="J753" s="122"/>
      <c r="K753" s="65"/>
      <c r="L753" s="67"/>
    </row>
    <row r="754" spans="2:12" ht="15" customHeight="1">
      <c r="B754" s="71"/>
      <c r="C754" s="71"/>
      <c r="D754" s="152" t="s">
        <v>48</v>
      </c>
      <c r="E754" s="84"/>
      <c r="F754" s="80"/>
      <c r="G754" s="210"/>
      <c r="H754" s="96"/>
      <c r="I754" s="133"/>
      <c r="J754" s="242"/>
      <c r="L754" s="67"/>
    </row>
    <row r="755" spans="2:12" s="70" customFormat="1" ht="15" customHeight="1">
      <c r="B755" s="74"/>
      <c r="C755" s="74"/>
      <c r="D755" s="143" t="s">
        <v>278</v>
      </c>
      <c r="E755" s="85">
        <v>9</v>
      </c>
      <c r="F755" s="90" t="s">
        <v>282</v>
      </c>
      <c r="G755" s="211"/>
      <c r="H755" s="99"/>
      <c r="I755" s="106"/>
      <c r="J755" s="122"/>
      <c r="K755" s="65"/>
      <c r="L755" s="67"/>
    </row>
    <row r="756" spans="2:12" ht="15" customHeight="1">
      <c r="B756" s="71"/>
      <c r="C756" s="71"/>
      <c r="D756" s="152" t="s">
        <v>360</v>
      </c>
      <c r="E756" s="84"/>
      <c r="F756" s="80"/>
      <c r="G756" s="210"/>
      <c r="H756" s="96"/>
      <c r="I756" s="133"/>
      <c r="J756" s="242"/>
      <c r="L756" s="67"/>
    </row>
    <row r="757" spans="2:12" s="70" customFormat="1" ht="15" customHeight="1">
      <c r="B757" s="74"/>
      <c r="C757" s="74"/>
      <c r="D757" s="143" t="s">
        <v>284</v>
      </c>
      <c r="E757" s="85">
        <v>1</v>
      </c>
      <c r="F757" s="90" t="s">
        <v>286</v>
      </c>
      <c r="G757" s="211"/>
      <c r="H757" s="99"/>
      <c r="I757" s="106"/>
      <c r="J757" s="122"/>
      <c r="K757" s="65"/>
      <c r="L757" s="67"/>
    </row>
    <row r="758" spans="2:12" s="70" customFormat="1" ht="15" customHeight="1">
      <c r="B758" s="154"/>
      <c r="C758" s="152"/>
      <c r="D758" s="152"/>
      <c r="E758" s="84"/>
      <c r="F758" s="80"/>
      <c r="G758" s="214"/>
      <c r="H758" s="96"/>
      <c r="I758" s="133"/>
      <c r="J758" s="242"/>
      <c r="K758" s="65"/>
      <c r="L758" s="67"/>
    </row>
    <row r="759" spans="2:12" s="70" customFormat="1" ht="15" customHeight="1">
      <c r="B759" s="143"/>
      <c r="C759" s="81"/>
      <c r="D759" s="143"/>
      <c r="E759" s="85"/>
      <c r="F759" s="90"/>
      <c r="G759" s="218"/>
      <c r="H759" s="99"/>
      <c r="I759" s="106"/>
      <c r="J759" s="122"/>
      <c r="K759" s="65"/>
      <c r="L759" s="67"/>
    </row>
    <row r="760" spans="2:12" ht="21" customHeight="1">
      <c r="B760" s="65" t="s">
        <v>21</v>
      </c>
      <c r="G760" s="207"/>
    </row>
    <row r="761" spans="2:12" ht="25.5" customHeight="1">
      <c r="B761" s="71" t="s">
        <v>366</v>
      </c>
      <c r="C761" s="77" t="s">
        <v>264</v>
      </c>
      <c r="D761" s="77"/>
      <c r="E761" s="82"/>
      <c r="F761" s="77"/>
      <c r="G761" s="208"/>
      <c r="H761" s="97"/>
      <c r="I761" s="101"/>
      <c r="J761" s="113"/>
    </row>
    <row r="762" spans="2:12" s="67" customFormat="1" ht="22.5" customHeight="1">
      <c r="B762" s="72" t="s">
        <v>9</v>
      </c>
      <c r="C762" s="72" t="s">
        <v>73</v>
      </c>
      <c r="D762" s="114"/>
      <c r="E762" s="83" t="s">
        <v>20</v>
      </c>
      <c r="F762" s="88" t="s">
        <v>26</v>
      </c>
      <c r="G762" s="209" t="s">
        <v>30</v>
      </c>
      <c r="H762" s="98" t="s">
        <v>11</v>
      </c>
      <c r="I762" s="72" t="s">
        <v>23</v>
      </c>
      <c r="J762" s="114"/>
      <c r="L762" s="69"/>
    </row>
    <row r="763" spans="2:12" s="70" customFormat="1" ht="15" customHeight="1">
      <c r="B763" s="153"/>
      <c r="C763" s="152" t="s">
        <v>74</v>
      </c>
      <c r="D763" s="152" t="s">
        <v>283</v>
      </c>
      <c r="E763" s="84"/>
      <c r="F763" s="80"/>
      <c r="G763" s="214"/>
      <c r="H763" s="96"/>
      <c r="I763" s="133"/>
      <c r="J763" s="242"/>
      <c r="K763" s="65"/>
      <c r="L763" s="67"/>
    </row>
    <row r="764" spans="2:12" s="70" customFormat="1" ht="15" customHeight="1">
      <c r="B764" s="143"/>
      <c r="C764" s="81" t="s">
        <v>173</v>
      </c>
      <c r="D764" s="143" t="s">
        <v>183</v>
      </c>
      <c r="E764" s="85">
        <v>2</v>
      </c>
      <c r="F764" s="90" t="s">
        <v>286</v>
      </c>
      <c r="G764" s="218"/>
      <c r="H764" s="99"/>
      <c r="I764" s="106"/>
      <c r="J764" s="122"/>
      <c r="K764" s="65"/>
      <c r="L764" s="67"/>
    </row>
    <row r="765" spans="2:12" s="70" customFormat="1" ht="15" customHeight="1">
      <c r="B765" s="75"/>
      <c r="C765" s="152"/>
      <c r="D765" s="152" t="s">
        <v>285</v>
      </c>
      <c r="E765" s="84"/>
      <c r="F765" s="80"/>
      <c r="G765" s="214"/>
      <c r="H765" s="96"/>
      <c r="I765" s="110"/>
      <c r="J765" s="123"/>
      <c r="K765" s="65"/>
      <c r="L765" s="67"/>
    </row>
    <row r="766" spans="2:12" s="70" customFormat="1" ht="15" customHeight="1">
      <c r="B766" s="74"/>
      <c r="C766" s="176"/>
      <c r="D766" s="143" t="s">
        <v>284</v>
      </c>
      <c r="E766" s="85">
        <v>1</v>
      </c>
      <c r="F766" s="90" t="s">
        <v>286</v>
      </c>
      <c r="G766" s="218"/>
      <c r="H766" s="99"/>
      <c r="I766" s="106"/>
      <c r="J766" s="125"/>
      <c r="K766" s="65"/>
      <c r="L766" s="67"/>
    </row>
    <row r="767" spans="2:12" s="70" customFormat="1" ht="15.75" customHeight="1">
      <c r="B767" s="75"/>
      <c r="C767" s="152"/>
      <c r="D767" s="154" t="s">
        <v>194</v>
      </c>
      <c r="E767" s="84"/>
      <c r="F767" s="80"/>
      <c r="G767" s="215"/>
      <c r="H767" s="96"/>
      <c r="I767" s="133"/>
      <c r="J767" s="123"/>
      <c r="K767" s="65"/>
      <c r="L767" s="67"/>
    </row>
    <row r="768" spans="2:12" s="70" customFormat="1" ht="15.75" customHeight="1">
      <c r="B768" s="145"/>
      <c r="C768" s="156"/>
      <c r="D768" s="81" t="s">
        <v>391</v>
      </c>
      <c r="E768" s="85">
        <v>1</v>
      </c>
      <c r="F768" s="90" t="s">
        <v>40</v>
      </c>
      <c r="G768" s="216"/>
      <c r="H768" s="99"/>
      <c r="I768" s="133"/>
      <c r="J768" s="123"/>
      <c r="K768" s="65"/>
      <c r="L768" s="67"/>
    </row>
    <row r="769" spans="2:12" s="70" customFormat="1" ht="15.75" customHeight="1">
      <c r="B769" s="153"/>
      <c r="C769" s="152"/>
      <c r="D769" s="154" t="s">
        <v>319</v>
      </c>
      <c r="E769" s="84"/>
      <c r="F769" s="80"/>
      <c r="G769" s="214"/>
      <c r="H769" s="96"/>
      <c r="I769" s="110"/>
      <c r="J769" s="121"/>
      <c r="K769" s="65"/>
      <c r="L769" s="67"/>
    </row>
    <row r="770" spans="2:12" s="70" customFormat="1" ht="15.75" customHeight="1">
      <c r="B770" s="156"/>
      <c r="C770" s="156"/>
      <c r="D770" s="81" t="s">
        <v>287</v>
      </c>
      <c r="E770" s="85">
        <v>1</v>
      </c>
      <c r="F770" s="90" t="s">
        <v>40</v>
      </c>
      <c r="G770" s="211"/>
      <c r="H770" s="99"/>
      <c r="I770" s="106"/>
      <c r="J770" s="122"/>
      <c r="K770" s="65"/>
      <c r="L770" s="67"/>
    </row>
    <row r="771" spans="2:12" ht="16.350000000000001" customHeight="1">
      <c r="B771" s="71"/>
      <c r="C771" s="71"/>
      <c r="D771" s="154" t="s">
        <v>393</v>
      </c>
      <c r="E771" s="84"/>
      <c r="F771" s="80"/>
      <c r="G771" s="210"/>
      <c r="H771" s="96"/>
      <c r="I771" s="110"/>
      <c r="J771" s="121"/>
      <c r="L771" s="67"/>
    </row>
    <row r="772" spans="2:12" ht="16.350000000000001" customHeight="1">
      <c r="B772" s="74"/>
      <c r="C772" s="74"/>
      <c r="D772" s="143" t="s">
        <v>350</v>
      </c>
      <c r="E772" s="85">
        <v>1</v>
      </c>
      <c r="F772" s="90" t="s">
        <v>40</v>
      </c>
      <c r="G772" s="211"/>
      <c r="H772" s="99"/>
      <c r="I772" s="106"/>
      <c r="J772" s="122"/>
      <c r="L772" s="67"/>
    </row>
    <row r="773" spans="2:12" ht="16.350000000000001" customHeight="1">
      <c r="B773" s="71"/>
      <c r="C773" s="152"/>
      <c r="D773" s="154"/>
      <c r="E773" s="84"/>
      <c r="F773" s="80"/>
      <c r="G773" s="210"/>
      <c r="H773" s="96"/>
      <c r="I773" s="110"/>
      <c r="J773" s="121"/>
      <c r="L773" s="67"/>
    </row>
    <row r="774" spans="2:12" ht="16.350000000000001" customHeight="1">
      <c r="B774" s="74"/>
      <c r="C774" s="156" t="s">
        <v>42</v>
      </c>
      <c r="D774" s="143"/>
      <c r="E774" s="85"/>
      <c r="F774" s="90"/>
      <c r="G774" s="211"/>
      <c r="H774" s="99"/>
      <c r="I774" s="106"/>
      <c r="J774" s="122"/>
      <c r="L774" s="67"/>
    </row>
    <row r="775" spans="2:12" s="70" customFormat="1" ht="16.350000000000001" customHeight="1">
      <c r="B775" s="154"/>
      <c r="C775" s="154"/>
      <c r="D775" s="154"/>
      <c r="E775" s="84"/>
      <c r="F775" s="80"/>
      <c r="G775" s="210"/>
      <c r="H775" s="96"/>
      <c r="I775" s="110"/>
      <c r="J775" s="241"/>
      <c r="K775" s="65"/>
      <c r="L775" s="67"/>
    </row>
    <row r="776" spans="2:12" s="70" customFormat="1" ht="16.350000000000001" customHeight="1">
      <c r="B776" s="74"/>
      <c r="C776" s="74"/>
      <c r="D776" s="143"/>
      <c r="E776" s="85"/>
      <c r="F776" s="90"/>
      <c r="G776" s="213"/>
      <c r="H776" s="99"/>
      <c r="I776" s="106"/>
      <c r="J776" s="122"/>
      <c r="K776" s="65"/>
      <c r="L776" s="67"/>
    </row>
    <row r="777" spans="2:12" s="70" customFormat="1" ht="16.350000000000001" customHeight="1">
      <c r="B777" s="73"/>
      <c r="C777" s="154"/>
      <c r="D777" s="154"/>
      <c r="E777" s="84"/>
      <c r="F777" s="80"/>
      <c r="G777" s="210"/>
      <c r="H777" s="96"/>
      <c r="I777" s="110"/>
      <c r="J777" s="124"/>
      <c r="K777" s="65"/>
      <c r="L777" s="67"/>
    </row>
    <row r="778" spans="2:12" s="70" customFormat="1" ht="16.350000000000001" customHeight="1">
      <c r="B778" s="74" t="s">
        <v>388</v>
      </c>
      <c r="C778" s="74" t="s">
        <v>289</v>
      </c>
      <c r="D778" s="143" t="s">
        <v>349</v>
      </c>
      <c r="E778" s="85">
        <v>1</v>
      </c>
      <c r="F778" s="90" t="s">
        <v>40</v>
      </c>
      <c r="G778" s="211"/>
      <c r="H778" s="99"/>
      <c r="I778" s="106"/>
      <c r="J778" s="125"/>
      <c r="K778" s="65"/>
      <c r="L778" s="67"/>
    </row>
    <row r="779" spans="2:12" s="70" customFormat="1" ht="16.350000000000001" customHeight="1">
      <c r="B779" s="73"/>
      <c r="C779" s="73"/>
      <c r="D779" s="154" t="s">
        <v>390</v>
      </c>
      <c r="E779" s="84"/>
      <c r="F779" s="80"/>
      <c r="G779" s="210"/>
      <c r="H779" s="96"/>
      <c r="I779" s="110"/>
      <c r="J779" s="121"/>
      <c r="K779" s="65"/>
      <c r="L779" s="67"/>
    </row>
    <row r="780" spans="2:12" s="70" customFormat="1" ht="16.350000000000001" customHeight="1">
      <c r="B780" s="74"/>
      <c r="C780" s="74"/>
      <c r="D780" s="143" t="s">
        <v>392</v>
      </c>
      <c r="E780" s="85">
        <v>1</v>
      </c>
      <c r="F780" s="90" t="s">
        <v>40</v>
      </c>
      <c r="G780" s="211"/>
      <c r="H780" s="99"/>
      <c r="I780" s="106"/>
      <c r="J780" s="122"/>
      <c r="K780" s="65"/>
      <c r="L780" s="67"/>
    </row>
    <row r="781" spans="2:12" s="70" customFormat="1" ht="16.350000000000001" customHeight="1">
      <c r="B781" s="75"/>
      <c r="C781" s="73"/>
      <c r="D781" s="154" t="s">
        <v>190</v>
      </c>
      <c r="E781" s="84"/>
      <c r="F781" s="80"/>
      <c r="G781" s="210"/>
      <c r="H781" s="96"/>
      <c r="I781" s="110"/>
      <c r="J781" s="121"/>
      <c r="K781" s="65"/>
      <c r="L781" s="67"/>
    </row>
    <row r="782" spans="2:12" s="70" customFormat="1" ht="16.350000000000001" customHeight="1">
      <c r="B782" s="74"/>
      <c r="C782" s="74"/>
      <c r="D782" s="143" t="s">
        <v>392</v>
      </c>
      <c r="E782" s="85">
        <v>1</v>
      </c>
      <c r="F782" s="90" t="s">
        <v>40</v>
      </c>
      <c r="G782" s="211"/>
      <c r="H782" s="99"/>
      <c r="I782" s="106"/>
      <c r="J782" s="122"/>
      <c r="K782" s="65"/>
      <c r="L782" s="67"/>
    </row>
    <row r="783" spans="2:12" s="70" customFormat="1" ht="16.350000000000001" customHeight="1">
      <c r="B783" s="71"/>
      <c r="C783" s="152"/>
      <c r="D783" s="154"/>
      <c r="E783" s="84"/>
      <c r="F783" s="80"/>
      <c r="G783" s="210"/>
      <c r="H783" s="96"/>
      <c r="I783" s="110"/>
      <c r="J783" s="121"/>
      <c r="K783" s="65"/>
      <c r="L783" s="67"/>
    </row>
    <row r="784" spans="2:12" s="70" customFormat="1" ht="16.350000000000001" customHeight="1">
      <c r="B784" s="74"/>
      <c r="C784" s="156" t="s">
        <v>42</v>
      </c>
      <c r="D784" s="143"/>
      <c r="E784" s="85"/>
      <c r="F784" s="90"/>
      <c r="G784" s="211"/>
      <c r="H784" s="99"/>
      <c r="I784" s="106"/>
      <c r="J784" s="122"/>
      <c r="K784" s="65"/>
      <c r="L784" s="67"/>
    </row>
    <row r="785" spans="2:12" s="70" customFormat="1" ht="16.149999999999999" customHeight="1">
      <c r="B785" s="73"/>
      <c r="C785" s="154"/>
      <c r="D785" s="154"/>
      <c r="E785" s="84"/>
      <c r="F785" s="80"/>
      <c r="G785" s="210"/>
      <c r="H785" s="96"/>
      <c r="I785" s="110"/>
      <c r="J785" s="124"/>
      <c r="K785" s="65"/>
      <c r="L785" s="67"/>
    </row>
    <row r="786" spans="2:12" s="70" customFormat="1" ht="16.149999999999999" customHeight="1">
      <c r="B786" s="74"/>
      <c r="C786" s="74"/>
      <c r="D786" s="143"/>
      <c r="E786" s="85"/>
      <c r="F786" s="90"/>
      <c r="G786" s="211"/>
      <c r="H786" s="99"/>
      <c r="I786" s="106"/>
      <c r="J786" s="125"/>
      <c r="K786" s="65"/>
      <c r="L786" s="67"/>
    </row>
    <row r="787" spans="2:12" s="70" customFormat="1" ht="16.149999999999999" customHeight="1">
      <c r="B787" s="75"/>
      <c r="C787" s="73"/>
      <c r="D787" s="154" t="s">
        <v>395</v>
      </c>
      <c r="E787" s="84"/>
      <c r="F787" s="80"/>
      <c r="G787" s="210"/>
      <c r="H787" s="96"/>
      <c r="I787" s="110"/>
      <c r="J787" s="121"/>
      <c r="K787" s="65"/>
      <c r="L787" s="67"/>
    </row>
    <row r="788" spans="2:12" s="70" customFormat="1" ht="16.149999999999999" customHeight="1">
      <c r="B788" s="74" t="s">
        <v>389</v>
      </c>
      <c r="C788" s="74" t="s">
        <v>173</v>
      </c>
      <c r="D788" s="74" t="s">
        <v>394</v>
      </c>
      <c r="E788" s="85">
        <v>4</v>
      </c>
      <c r="F788" s="90" t="s">
        <v>286</v>
      </c>
      <c r="G788" s="211"/>
      <c r="H788" s="99"/>
      <c r="I788" s="106"/>
      <c r="J788" s="122"/>
      <c r="K788" s="65"/>
      <c r="L788" s="67"/>
    </row>
    <row r="789" spans="2:12" s="70" customFormat="1" ht="16.149999999999999" customHeight="1">
      <c r="B789" s="76"/>
      <c r="C789" s="76"/>
      <c r="D789" s="155"/>
      <c r="E789" s="86"/>
      <c r="F789" s="91"/>
      <c r="G789" s="216"/>
      <c r="H789" s="100"/>
      <c r="I789" s="133"/>
      <c r="J789" s="135"/>
      <c r="K789" s="65"/>
      <c r="L789" s="67"/>
    </row>
    <row r="790" spans="2:12" s="70" customFormat="1" ht="16.149999999999999" customHeight="1">
      <c r="B790" s="76"/>
      <c r="C790" s="76"/>
      <c r="D790" s="155"/>
      <c r="E790" s="86"/>
      <c r="F790" s="91"/>
      <c r="G790" s="216"/>
      <c r="H790" s="99"/>
      <c r="I790" s="106"/>
      <c r="J790" s="122"/>
      <c r="K790" s="65"/>
      <c r="L790" s="67"/>
    </row>
    <row r="791" spans="2:12" s="70" customFormat="1" ht="16.149999999999999" customHeight="1">
      <c r="B791" s="75"/>
      <c r="C791" s="152"/>
      <c r="D791" s="80"/>
      <c r="E791" s="84"/>
      <c r="F791" s="80"/>
      <c r="G791" s="214"/>
      <c r="H791" s="100"/>
      <c r="I791" s="133"/>
      <c r="J791" s="123"/>
      <c r="K791" s="65"/>
      <c r="L791" s="67"/>
    </row>
    <row r="792" spans="2:12" s="70" customFormat="1" ht="16.149999999999999" customHeight="1">
      <c r="B792" s="129"/>
      <c r="C792" s="156"/>
      <c r="D792" s="81"/>
      <c r="E792" s="85"/>
      <c r="F792" s="90"/>
      <c r="G792" s="213"/>
      <c r="H792" s="99"/>
      <c r="I792" s="106"/>
      <c r="J792" s="125"/>
      <c r="K792" s="65"/>
      <c r="L792" s="67"/>
    </row>
    <row r="793" spans="2:12" ht="21" customHeight="1">
      <c r="B793" s="65" t="s">
        <v>21</v>
      </c>
      <c r="G793" s="207"/>
    </row>
    <row r="794" spans="2:12" ht="25.15" customHeight="1">
      <c r="B794" s="71" t="s">
        <v>366</v>
      </c>
      <c r="C794" s="77" t="s">
        <v>291</v>
      </c>
      <c r="D794" s="77"/>
      <c r="E794" s="82"/>
      <c r="F794" s="77"/>
      <c r="G794" s="208"/>
      <c r="H794" s="97"/>
      <c r="I794" s="101"/>
      <c r="J794" s="113"/>
    </row>
    <row r="795" spans="2:12" s="67" customFormat="1" ht="24" customHeight="1">
      <c r="B795" s="72" t="s">
        <v>9</v>
      </c>
      <c r="C795" s="72" t="s">
        <v>73</v>
      </c>
      <c r="D795" s="114"/>
      <c r="E795" s="83" t="s">
        <v>20</v>
      </c>
      <c r="F795" s="88" t="s">
        <v>26</v>
      </c>
      <c r="G795" s="209" t="s">
        <v>30</v>
      </c>
      <c r="H795" s="98" t="s">
        <v>11</v>
      </c>
      <c r="I795" s="72" t="s">
        <v>23</v>
      </c>
      <c r="J795" s="114"/>
      <c r="L795" s="69"/>
    </row>
    <row r="796" spans="2:12" ht="16.149999999999999" customHeight="1">
      <c r="B796" s="71"/>
      <c r="C796" s="158"/>
      <c r="D796" s="158"/>
      <c r="E796" s="84"/>
      <c r="F796" s="91"/>
      <c r="G796" s="214"/>
      <c r="H796" s="100"/>
      <c r="I796" s="110"/>
      <c r="J796" s="121"/>
      <c r="L796" s="67"/>
    </row>
    <row r="797" spans="2:12" ht="16.149999999999999" customHeight="1">
      <c r="B797" s="81" t="s">
        <v>295</v>
      </c>
      <c r="C797" s="140" t="s">
        <v>292</v>
      </c>
      <c r="D797" s="140"/>
      <c r="E797" s="85">
        <v>81.984000000000009</v>
      </c>
      <c r="F797" s="90" t="s">
        <v>55</v>
      </c>
      <c r="G797" s="219"/>
      <c r="H797" s="99"/>
      <c r="I797" s="106"/>
      <c r="J797" s="125"/>
      <c r="L797" s="67"/>
    </row>
    <row r="798" spans="2:12" ht="16.149999999999999" customHeight="1">
      <c r="B798" s="75"/>
      <c r="C798" s="153"/>
      <c r="D798" s="75"/>
      <c r="E798" s="84"/>
      <c r="F798" s="89"/>
      <c r="G798" s="214"/>
      <c r="H798" s="100"/>
      <c r="I798" s="110"/>
      <c r="J798" s="124"/>
      <c r="L798" s="67"/>
    </row>
    <row r="799" spans="2:12" ht="16.149999999999999" customHeight="1">
      <c r="B799" s="145"/>
      <c r="C799" s="176" t="s">
        <v>293</v>
      </c>
      <c r="D799" s="145"/>
      <c r="E799" s="85">
        <v>8.2899999999999991</v>
      </c>
      <c r="F799" s="90" t="s">
        <v>55</v>
      </c>
      <c r="G799" s="219"/>
      <c r="H799" s="99"/>
      <c r="I799" s="106"/>
      <c r="J799" s="125"/>
      <c r="L799" s="67"/>
    </row>
    <row r="800" spans="2:12" ht="16.149999999999999" customHeight="1">
      <c r="B800" s="157"/>
      <c r="C800" s="184"/>
      <c r="D800" s="184"/>
      <c r="E800" s="86"/>
      <c r="F800" s="91"/>
      <c r="G800" s="217"/>
      <c r="H800" s="100"/>
      <c r="I800" s="133"/>
      <c r="J800" s="123"/>
      <c r="L800" s="67"/>
    </row>
    <row r="801" spans="2:12" ht="16.149999999999999" customHeight="1">
      <c r="B801" s="157"/>
      <c r="C801" s="184"/>
      <c r="D801" s="184"/>
      <c r="E801" s="86"/>
      <c r="F801" s="91"/>
      <c r="G801" s="217"/>
      <c r="H801" s="100"/>
      <c r="I801" s="133"/>
      <c r="J801" s="123"/>
      <c r="L801" s="67"/>
    </row>
    <row r="802" spans="2:12" ht="16.149999999999999" customHeight="1">
      <c r="B802" s="158"/>
      <c r="C802" s="80"/>
      <c r="D802" s="80"/>
      <c r="E802" s="84"/>
      <c r="F802" s="89"/>
      <c r="G802" s="214"/>
      <c r="H802" s="96"/>
      <c r="I802" s="110"/>
      <c r="J802" s="121"/>
      <c r="L802" s="67"/>
    </row>
    <row r="803" spans="2:12" ht="16.149999999999999" customHeight="1">
      <c r="B803" s="74"/>
      <c r="C803" s="174"/>
      <c r="D803" s="174"/>
      <c r="E803" s="85"/>
      <c r="F803" s="90"/>
      <c r="G803" s="218"/>
      <c r="H803" s="99"/>
      <c r="I803" s="106"/>
      <c r="J803" s="125"/>
      <c r="L803" s="67"/>
    </row>
    <row r="804" spans="2:12" ht="16.149999999999999" customHeight="1">
      <c r="B804" s="76" t="s">
        <v>297</v>
      </c>
      <c r="C804" s="158"/>
      <c r="D804" s="158"/>
      <c r="E804" s="84"/>
      <c r="F804" s="91"/>
      <c r="G804" s="214"/>
      <c r="H804" s="100"/>
      <c r="I804" s="110"/>
      <c r="J804" s="121"/>
      <c r="L804" s="67"/>
    </row>
    <row r="805" spans="2:12" ht="16.149999999999999" customHeight="1">
      <c r="B805" s="74"/>
      <c r="C805" s="140" t="s">
        <v>292</v>
      </c>
      <c r="D805" s="140"/>
      <c r="E805" s="85">
        <v>81.984000000000009</v>
      </c>
      <c r="F805" s="90" t="s">
        <v>55</v>
      </c>
      <c r="G805" s="219"/>
      <c r="H805" s="99"/>
      <c r="I805" s="106"/>
      <c r="J805" s="125"/>
      <c r="L805" s="67"/>
    </row>
    <row r="806" spans="2:12" ht="16.149999999999999" customHeight="1">
      <c r="B806" s="75"/>
      <c r="C806" s="153"/>
      <c r="D806" s="75"/>
      <c r="E806" s="84"/>
      <c r="F806" s="89"/>
      <c r="G806" s="214"/>
      <c r="H806" s="100"/>
      <c r="I806" s="110"/>
      <c r="J806" s="123"/>
      <c r="L806" s="67"/>
    </row>
    <row r="807" spans="2:12" ht="16.149999999999999" customHeight="1">
      <c r="B807" s="145"/>
      <c r="C807" s="176" t="s">
        <v>293</v>
      </c>
      <c r="D807" s="145"/>
      <c r="E807" s="85">
        <v>8.2899999999999991</v>
      </c>
      <c r="F807" s="90" t="s">
        <v>55</v>
      </c>
      <c r="G807" s="219"/>
      <c r="H807" s="99"/>
      <c r="I807" s="106"/>
      <c r="J807" s="123"/>
      <c r="L807" s="67"/>
    </row>
    <row r="808" spans="2:12" ht="16.149999999999999" customHeight="1">
      <c r="B808" s="158"/>
      <c r="C808" s="130"/>
      <c r="D808" s="130"/>
      <c r="E808" s="84"/>
      <c r="F808" s="89"/>
      <c r="G808" s="214"/>
      <c r="H808" s="96"/>
      <c r="I808" s="110"/>
      <c r="J808" s="121"/>
      <c r="L808" s="67"/>
    </row>
    <row r="809" spans="2:12" s="70" customFormat="1" ht="16.149999999999999" customHeight="1">
      <c r="B809" s="74"/>
      <c r="C809" s="81"/>
      <c r="D809" s="81"/>
      <c r="E809" s="85"/>
      <c r="F809" s="90"/>
      <c r="G809" s="218"/>
      <c r="H809" s="99"/>
      <c r="I809" s="106"/>
      <c r="J809" s="125"/>
      <c r="K809" s="65"/>
      <c r="L809" s="67"/>
    </row>
    <row r="810" spans="2:12" s="70" customFormat="1" ht="16.149999999999999" customHeight="1">
      <c r="B810" s="158"/>
      <c r="C810" s="153"/>
      <c r="D810" s="75"/>
      <c r="E810" s="84"/>
      <c r="F810" s="89"/>
      <c r="G810" s="214"/>
      <c r="H810" s="96"/>
      <c r="I810" s="110"/>
      <c r="J810" s="121"/>
      <c r="K810" s="65"/>
      <c r="L810" s="67"/>
    </row>
    <row r="811" spans="2:12" s="70" customFormat="1" ht="16.149999999999999" customHeight="1">
      <c r="B811" s="74"/>
      <c r="C811" s="156"/>
      <c r="D811" s="81"/>
      <c r="E811" s="85"/>
      <c r="F811" s="90"/>
      <c r="G811" s="218"/>
      <c r="H811" s="99"/>
      <c r="I811" s="106"/>
      <c r="J811" s="125"/>
      <c r="K811" s="65"/>
      <c r="L811" s="67"/>
    </row>
    <row r="812" spans="2:12" s="70" customFormat="1" ht="16.149999999999999" customHeight="1">
      <c r="B812" s="158"/>
      <c r="C812" s="130"/>
      <c r="D812" s="130"/>
      <c r="E812" s="84"/>
      <c r="F812" s="89"/>
      <c r="G812" s="214"/>
      <c r="H812" s="96"/>
      <c r="I812" s="110"/>
      <c r="J812" s="121"/>
      <c r="K812" s="65"/>
      <c r="L812" s="67"/>
    </row>
    <row r="813" spans="2:12" s="70" customFormat="1" ht="16.149999999999999" customHeight="1">
      <c r="B813" s="74"/>
      <c r="C813" s="81"/>
      <c r="D813" s="81"/>
      <c r="E813" s="85"/>
      <c r="F813" s="90"/>
      <c r="G813" s="218"/>
      <c r="H813" s="99"/>
      <c r="I813" s="106"/>
      <c r="J813" s="125"/>
      <c r="K813" s="65"/>
      <c r="L813" s="67"/>
    </row>
    <row r="814" spans="2:12" s="70" customFormat="1" ht="16.149999999999999" customHeight="1">
      <c r="B814" s="158"/>
      <c r="C814" s="130"/>
      <c r="D814" s="130"/>
      <c r="E814" s="84"/>
      <c r="F814" s="89"/>
      <c r="G814" s="214"/>
      <c r="H814" s="96"/>
      <c r="I814" s="110"/>
      <c r="J814" s="121"/>
      <c r="K814" s="65"/>
      <c r="L814" s="67"/>
    </row>
    <row r="815" spans="2:12" s="70" customFormat="1" ht="16.149999999999999" customHeight="1">
      <c r="B815" s="74"/>
      <c r="C815" s="81"/>
      <c r="D815" s="81"/>
      <c r="E815" s="85"/>
      <c r="F815" s="90"/>
      <c r="G815" s="218"/>
      <c r="H815" s="99"/>
      <c r="I815" s="106"/>
      <c r="J815" s="125"/>
      <c r="K815" s="65"/>
      <c r="L815" s="67"/>
    </row>
    <row r="816" spans="2:12" s="70" customFormat="1" ht="16.149999999999999" customHeight="1">
      <c r="B816" s="75"/>
      <c r="C816" s="130"/>
      <c r="D816" s="130"/>
      <c r="E816" s="84"/>
      <c r="F816" s="89"/>
      <c r="G816" s="214"/>
      <c r="H816" s="96"/>
      <c r="I816" s="110"/>
      <c r="J816" s="121"/>
      <c r="K816" s="65"/>
      <c r="L816" s="67"/>
    </row>
    <row r="817" spans="2:12" s="70" customFormat="1" ht="16.149999999999999" customHeight="1">
      <c r="B817" s="74"/>
      <c r="C817" s="81"/>
      <c r="D817" s="81"/>
      <c r="E817" s="85"/>
      <c r="F817" s="90"/>
      <c r="G817" s="218"/>
      <c r="H817" s="99"/>
      <c r="I817" s="106"/>
      <c r="J817" s="125"/>
      <c r="K817" s="65"/>
      <c r="L817" s="67"/>
    </row>
    <row r="818" spans="2:12" s="70" customFormat="1" ht="16.149999999999999" customHeight="1">
      <c r="B818" s="76"/>
      <c r="C818" s="157"/>
      <c r="D818" s="157"/>
      <c r="E818" s="86"/>
      <c r="F818" s="89"/>
      <c r="G818" s="214"/>
      <c r="H818" s="96"/>
      <c r="I818" s="110"/>
      <c r="J818" s="121"/>
      <c r="K818" s="65"/>
      <c r="L818" s="67"/>
    </row>
    <row r="819" spans="2:12" s="70" customFormat="1" ht="16.149999999999999" customHeight="1">
      <c r="B819" s="76"/>
      <c r="C819" s="157"/>
      <c r="D819" s="157"/>
      <c r="E819" s="86"/>
      <c r="F819" s="90"/>
      <c r="G819" s="218"/>
      <c r="H819" s="99"/>
      <c r="I819" s="106"/>
      <c r="J819" s="125"/>
      <c r="K819" s="65"/>
      <c r="L819" s="67"/>
    </row>
    <row r="820" spans="2:12" s="70" customFormat="1" ht="16.149999999999999" customHeight="1">
      <c r="B820" s="75"/>
      <c r="C820" s="153"/>
      <c r="D820" s="75"/>
      <c r="E820" s="84"/>
      <c r="F820" s="91"/>
      <c r="G820" s="214"/>
      <c r="H820" s="96"/>
      <c r="I820" s="110"/>
      <c r="J820" s="121"/>
      <c r="K820" s="65"/>
      <c r="L820" s="67"/>
    </row>
    <row r="821" spans="2:12" s="70" customFormat="1" ht="16.149999999999999" customHeight="1">
      <c r="B821" s="145"/>
      <c r="C821" s="156"/>
      <c r="D821" s="145"/>
      <c r="E821" s="85"/>
      <c r="F821" s="90"/>
      <c r="G821" s="213"/>
      <c r="H821" s="99"/>
      <c r="I821" s="234"/>
      <c r="J821" s="125"/>
      <c r="K821" s="65"/>
      <c r="L821" s="67"/>
    </row>
    <row r="822" spans="2:12" s="70" customFormat="1" ht="16.149999999999999" customHeight="1">
      <c r="B822" s="71"/>
      <c r="C822" s="89"/>
      <c r="D822" s="130"/>
      <c r="E822" s="84"/>
      <c r="F822" s="91"/>
      <c r="G822" s="214"/>
      <c r="H822" s="96"/>
      <c r="I822" s="110"/>
      <c r="J822" s="121"/>
      <c r="K822" s="65"/>
      <c r="L822" s="67"/>
    </row>
    <row r="823" spans="2:12" s="70" customFormat="1" ht="16.149999999999999" customHeight="1">
      <c r="B823" s="74"/>
      <c r="C823" s="174"/>
      <c r="D823" s="81"/>
      <c r="E823" s="85"/>
      <c r="F823" s="90"/>
      <c r="G823" s="218"/>
      <c r="H823" s="99"/>
      <c r="I823" s="234"/>
      <c r="J823" s="125"/>
      <c r="K823" s="65"/>
      <c r="L823" s="67"/>
    </row>
    <row r="824" spans="2:12" s="70" customFormat="1" ht="16.149999999999999" customHeight="1">
      <c r="B824" s="75"/>
      <c r="C824" s="80"/>
      <c r="D824" s="80"/>
      <c r="E824" s="84"/>
      <c r="F824" s="80"/>
      <c r="G824" s="214"/>
      <c r="H824" s="96"/>
      <c r="I824" s="110"/>
      <c r="J824" s="121"/>
      <c r="K824" s="65"/>
      <c r="L824" s="67"/>
    </row>
    <row r="825" spans="2:12" s="70" customFormat="1" ht="16.149999999999999" customHeight="1">
      <c r="B825" s="129" t="s">
        <v>41</v>
      </c>
      <c r="C825" s="81"/>
      <c r="D825" s="81"/>
      <c r="E825" s="85"/>
      <c r="F825" s="90"/>
      <c r="G825" s="213"/>
      <c r="H825" s="99"/>
      <c r="I825" s="106"/>
      <c r="J825" s="125"/>
      <c r="K825" s="65"/>
      <c r="L825" s="67"/>
    </row>
    <row r="826" spans="2:12" ht="21" customHeight="1">
      <c r="B826" s="65" t="s">
        <v>21</v>
      </c>
      <c r="G826" s="207"/>
    </row>
    <row r="827" spans="2:12" ht="25.15" customHeight="1">
      <c r="B827" s="71" t="s">
        <v>366</v>
      </c>
      <c r="C827" s="77" t="s">
        <v>288</v>
      </c>
      <c r="D827" s="77"/>
      <c r="E827" s="82"/>
      <c r="F827" s="77"/>
      <c r="G827" s="208"/>
      <c r="H827" s="97"/>
      <c r="I827" s="101"/>
      <c r="J827" s="113"/>
    </row>
    <row r="828" spans="2:12" s="67" customFormat="1" ht="24" customHeight="1">
      <c r="B828" s="72" t="s">
        <v>9</v>
      </c>
      <c r="C828" s="72" t="s">
        <v>73</v>
      </c>
      <c r="D828" s="114"/>
      <c r="E828" s="83" t="s">
        <v>20</v>
      </c>
      <c r="F828" s="88" t="s">
        <v>26</v>
      </c>
      <c r="G828" s="209" t="s">
        <v>30</v>
      </c>
      <c r="H828" s="98" t="s">
        <v>11</v>
      </c>
      <c r="I828" s="72" t="s">
        <v>23</v>
      </c>
      <c r="J828" s="114"/>
      <c r="L828" s="69"/>
    </row>
    <row r="829" spans="2:12" ht="15.75" customHeight="1">
      <c r="B829" s="71" t="s">
        <v>92</v>
      </c>
      <c r="C829" s="130"/>
      <c r="D829" s="130"/>
      <c r="E829" s="84"/>
      <c r="F829" s="89"/>
      <c r="G829" s="214"/>
      <c r="H829" s="96"/>
      <c r="I829" s="110"/>
      <c r="J829" s="121"/>
      <c r="L829" s="67"/>
    </row>
    <row r="830" spans="2:12" ht="15.75" customHeight="1">
      <c r="B830" s="145" t="s">
        <v>97</v>
      </c>
      <c r="C830" s="81"/>
      <c r="D830" s="81"/>
      <c r="E830" s="85"/>
      <c r="F830" s="90"/>
      <c r="G830" s="218"/>
      <c r="H830" s="99"/>
      <c r="I830" s="106"/>
      <c r="J830" s="125"/>
      <c r="L830" s="67"/>
    </row>
    <row r="831" spans="2:12" ht="15.75" customHeight="1">
      <c r="B831" s="142"/>
      <c r="C831" s="80"/>
      <c r="D831" s="80"/>
      <c r="E831" s="84"/>
      <c r="F831" s="80"/>
      <c r="G831" s="214"/>
      <c r="H831" s="96"/>
      <c r="I831" s="110"/>
      <c r="J831" s="121"/>
      <c r="L831" s="67"/>
    </row>
    <row r="832" spans="2:12" ht="15.75" customHeight="1">
      <c r="B832" s="145"/>
      <c r="C832" s="81" t="s">
        <v>57</v>
      </c>
      <c r="D832" s="81"/>
      <c r="E832" s="85">
        <v>1041.79</v>
      </c>
      <c r="F832" s="90" t="s">
        <v>1</v>
      </c>
      <c r="G832" s="218"/>
      <c r="H832" s="99"/>
      <c r="I832" s="106"/>
      <c r="J832" s="125"/>
      <c r="L832" s="67"/>
    </row>
    <row r="833" spans="2:12" ht="15.75" customHeight="1">
      <c r="B833" s="142"/>
      <c r="C833" s="80"/>
      <c r="D833" s="80"/>
      <c r="E833" s="84"/>
      <c r="F833" s="80"/>
      <c r="G833" s="214"/>
      <c r="H833" s="96"/>
      <c r="I833" s="110"/>
      <c r="J833" s="121"/>
      <c r="L833" s="67"/>
    </row>
    <row r="834" spans="2:12" ht="15.75" customHeight="1">
      <c r="B834" s="145"/>
      <c r="C834" s="81" t="s">
        <v>39</v>
      </c>
      <c r="D834" s="81" t="s">
        <v>100</v>
      </c>
      <c r="E834" s="85">
        <v>79.599999999999994</v>
      </c>
      <c r="F834" s="90" t="s">
        <v>1</v>
      </c>
      <c r="G834" s="218"/>
      <c r="H834" s="99"/>
      <c r="I834" s="106"/>
      <c r="J834" s="125"/>
      <c r="L834" s="67"/>
    </row>
    <row r="835" spans="2:12" ht="15.75" customHeight="1">
      <c r="B835" s="158"/>
      <c r="C835" s="158"/>
      <c r="D835" s="130"/>
      <c r="E835" s="84"/>
      <c r="F835" s="91"/>
      <c r="G835" s="214"/>
      <c r="H835" s="96"/>
      <c r="I835" s="110"/>
      <c r="J835" s="121"/>
      <c r="L835" s="67"/>
    </row>
    <row r="836" spans="2:12" s="70" customFormat="1" ht="15.75" customHeight="1">
      <c r="B836" s="74"/>
      <c r="C836" s="90"/>
      <c r="D836" s="174"/>
      <c r="E836" s="85"/>
      <c r="F836" s="90"/>
      <c r="G836" s="218"/>
      <c r="H836" s="99"/>
      <c r="I836" s="106"/>
      <c r="J836" s="125"/>
      <c r="K836" s="65"/>
      <c r="L836" s="67"/>
    </row>
    <row r="837" spans="2:12" s="70" customFormat="1" ht="15.75" customHeight="1">
      <c r="B837" s="142"/>
      <c r="C837" s="130"/>
      <c r="D837" s="71"/>
      <c r="E837" s="84"/>
      <c r="F837" s="80"/>
      <c r="G837" s="214"/>
      <c r="H837" s="96"/>
      <c r="I837" s="110"/>
      <c r="J837" s="121"/>
      <c r="K837" s="65"/>
      <c r="L837" s="67"/>
    </row>
    <row r="838" spans="2:12" s="70" customFormat="1" ht="15.75" customHeight="1">
      <c r="B838" s="145" t="s">
        <v>307</v>
      </c>
      <c r="C838" s="81"/>
      <c r="D838" s="74"/>
      <c r="E838" s="85"/>
      <c r="F838" s="90"/>
      <c r="G838" s="218"/>
      <c r="H838" s="99"/>
      <c r="I838" s="106"/>
      <c r="J838" s="125"/>
      <c r="K838" s="65"/>
      <c r="L838" s="67"/>
    </row>
    <row r="839" spans="2:12" s="70" customFormat="1" ht="15.75" customHeight="1">
      <c r="B839" s="75"/>
      <c r="C839" s="157"/>
      <c r="D839" s="76" t="s">
        <v>0</v>
      </c>
      <c r="E839" s="86"/>
      <c r="F839" s="183"/>
      <c r="G839" s="214"/>
      <c r="H839" s="96"/>
      <c r="I839" s="110"/>
      <c r="J839" s="121"/>
      <c r="K839" s="65"/>
      <c r="L839" s="67"/>
    </row>
    <row r="840" spans="2:12" s="70" customFormat="1" ht="15.75" customHeight="1">
      <c r="B840" s="74"/>
      <c r="C840" s="81" t="s">
        <v>102</v>
      </c>
      <c r="D840" s="76" t="s">
        <v>221</v>
      </c>
      <c r="E840" s="86">
        <v>385.4</v>
      </c>
      <c r="F840" s="90" t="s">
        <v>1</v>
      </c>
      <c r="G840" s="218"/>
      <c r="H840" s="99"/>
      <c r="I840" s="106"/>
      <c r="J840" s="125"/>
      <c r="K840" s="65"/>
      <c r="L840" s="67"/>
    </row>
    <row r="841" spans="2:12" s="70" customFormat="1" ht="15.75" customHeight="1">
      <c r="B841" s="76"/>
      <c r="C841" s="157"/>
      <c r="D841" s="80" t="s">
        <v>61</v>
      </c>
      <c r="E841" s="84"/>
      <c r="F841" s="183"/>
      <c r="G841" s="214"/>
      <c r="H841" s="96"/>
      <c r="I841" s="110"/>
      <c r="J841" s="121"/>
      <c r="K841" s="65"/>
      <c r="L841" s="67"/>
    </row>
    <row r="842" spans="2:12" s="70" customFormat="1" ht="15.75" customHeight="1">
      <c r="B842" s="76"/>
      <c r="C842" s="81" t="s">
        <v>102</v>
      </c>
      <c r="D842" s="174"/>
      <c r="E842" s="85">
        <v>52.13</v>
      </c>
      <c r="F842" s="90" t="s">
        <v>1</v>
      </c>
      <c r="G842" s="218"/>
      <c r="H842" s="99"/>
      <c r="I842" s="106"/>
      <c r="J842" s="125"/>
      <c r="K842" s="65"/>
      <c r="L842" s="67"/>
    </row>
    <row r="843" spans="2:12" s="70" customFormat="1" ht="15.75" customHeight="1">
      <c r="B843" s="71"/>
      <c r="C843" s="157"/>
      <c r="D843" s="80" t="s">
        <v>305</v>
      </c>
      <c r="E843" s="84"/>
      <c r="F843" s="183"/>
      <c r="G843" s="214"/>
      <c r="H843" s="96"/>
      <c r="I843" s="110"/>
      <c r="J843" s="121"/>
      <c r="K843" s="65"/>
      <c r="L843" s="67"/>
    </row>
    <row r="844" spans="2:12" s="70" customFormat="1" ht="15.75" customHeight="1">
      <c r="B844" s="74"/>
      <c r="C844" s="81" t="s">
        <v>102</v>
      </c>
      <c r="D844" s="81" t="s">
        <v>53</v>
      </c>
      <c r="E844" s="85">
        <v>10.63</v>
      </c>
      <c r="F844" s="90" t="s">
        <v>1</v>
      </c>
      <c r="G844" s="218"/>
      <c r="H844" s="99"/>
      <c r="I844" s="106"/>
      <c r="J844" s="125"/>
      <c r="K844" s="65"/>
      <c r="L844" s="67"/>
    </row>
    <row r="845" spans="2:12" s="70" customFormat="1" ht="15.75" customHeight="1">
      <c r="B845" s="71"/>
      <c r="C845" s="157"/>
      <c r="D845" s="80" t="s">
        <v>174</v>
      </c>
      <c r="E845" s="84"/>
      <c r="F845" s="183"/>
      <c r="G845" s="214"/>
      <c r="H845" s="96"/>
      <c r="I845" s="110"/>
      <c r="J845" s="121"/>
      <c r="K845" s="65"/>
      <c r="L845" s="67"/>
    </row>
    <row r="846" spans="2:12" s="70" customFormat="1" ht="15.75" customHeight="1">
      <c r="B846" s="74"/>
      <c r="C846" s="81" t="s">
        <v>102</v>
      </c>
      <c r="D846" s="174"/>
      <c r="E846" s="85">
        <v>261.2</v>
      </c>
      <c r="F846" s="90" t="s">
        <v>1</v>
      </c>
      <c r="G846" s="218"/>
      <c r="H846" s="99"/>
      <c r="I846" s="106"/>
      <c r="J846" s="125"/>
      <c r="K846" s="65"/>
      <c r="L846" s="67"/>
    </row>
    <row r="847" spans="2:12" s="70" customFormat="1" ht="15.75" customHeight="1">
      <c r="B847" s="80"/>
      <c r="C847" s="185"/>
      <c r="D847" s="157" t="s">
        <v>336</v>
      </c>
      <c r="E847" s="86"/>
      <c r="F847" s="183"/>
      <c r="G847" s="214"/>
      <c r="H847" s="100"/>
      <c r="I847" s="133"/>
      <c r="J847" s="123"/>
      <c r="K847" s="65"/>
      <c r="L847" s="67"/>
    </row>
    <row r="848" spans="2:12" s="70" customFormat="1" ht="15.75" customHeight="1">
      <c r="B848" s="141"/>
      <c r="C848" s="81" t="s">
        <v>102</v>
      </c>
      <c r="D848" s="194"/>
      <c r="E848" s="86">
        <v>614</v>
      </c>
      <c r="F848" s="90" t="s">
        <v>1</v>
      </c>
      <c r="G848" s="218"/>
      <c r="H848" s="99"/>
      <c r="I848" s="133"/>
      <c r="J848" s="123"/>
      <c r="K848" s="65"/>
      <c r="L848" s="67"/>
    </row>
    <row r="849" spans="2:13" s="70" customFormat="1" ht="15.75" customHeight="1">
      <c r="B849" s="76"/>
      <c r="C849" s="75"/>
      <c r="D849" s="80"/>
      <c r="E849" s="84"/>
      <c r="F849" s="89"/>
      <c r="G849" s="214"/>
      <c r="H849" s="96"/>
      <c r="I849" s="110"/>
      <c r="J849" s="121"/>
      <c r="K849" s="65"/>
      <c r="L849" s="67"/>
    </row>
    <row r="850" spans="2:13" s="70" customFormat="1" ht="15.75" customHeight="1">
      <c r="B850" s="76"/>
      <c r="C850" s="145" t="s">
        <v>79</v>
      </c>
      <c r="D850" s="174"/>
      <c r="E850" s="85">
        <v>0.1</v>
      </c>
      <c r="F850" s="90" t="s">
        <v>55</v>
      </c>
      <c r="G850" s="218"/>
      <c r="H850" s="99"/>
      <c r="I850" s="234"/>
      <c r="J850" s="125"/>
      <c r="K850" s="65"/>
      <c r="L850" s="67"/>
    </row>
    <row r="851" spans="2:13" s="70" customFormat="1" ht="15.75" customHeight="1">
      <c r="B851" s="71"/>
      <c r="C851" s="158"/>
      <c r="D851" s="130"/>
      <c r="E851" s="84"/>
      <c r="F851" s="91"/>
      <c r="G851" s="214"/>
      <c r="H851" s="96"/>
      <c r="I851" s="110"/>
      <c r="J851" s="121"/>
      <c r="K851" s="65"/>
      <c r="L851" s="67"/>
    </row>
    <row r="852" spans="2:13" s="70" customFormat="1" ht="15.75" customHeight="1">
      <c r="B852" s="74"/>
      <c r="C852" s="140" t="s">
        <v>99</v>
      </c>
      <c r="D852" s="81"/>
      <c r="E852" s="85">
        <v>1</v>
      </c>
      <c r="F852" s="90" t="s">
        <v>40</v>
      </c>
      <c r="G852" s="218"/>
      <c r="H852" s="99"/>
      <c r="I852" s="234"/>
      <c r="J852" s="125"/>
      <c r="K852" s="65"/>
      <c r="L852" s="67"/>
    </row>
    <row r="853" spans="2:13" s="70" customFormat="1" ht="15.75" customHeight="1">
      <c r="B853" s="76"/>
      <c r="C853" s="158"/>
      <c r="D853" s="130"/>
      <c r="E853" s="84"/>
      <c r="F853" s="91"/>
      <c r="G853" s="214"/>
      <c r="H853" s="96"/>
      <c r="I853" s="235"/>
      <c r="J853" s="121"/>
      <c r="K853" s="65"/>
      <c r="L853" s="67"/>
    </row>
    <row r="854" spans="2:13" s="70" customFormat="1" ht="15.75" customHeight="1">
      <c r="B854" s="76"/>
      <c r="C854" s="140" t="s">
        <v>304</v>
      </c>
      <c r="D854" s="81"/>
      <c r="E854" s="85">
        <v>1</v>
      </c>
      <c r="F854" s="90" t="s">
        <v>40</v>
      </c>
      <c r="G854" s="218"/>
      <c r="H854" s="99"/>
      <c r="I854" s="106"/>
      <c r="J854" s="125"/>
      <c r="K854" s="65"/>
      <c r="L854" s="67"/>
    </row>
    <row r="855" spans="2:13" s="70" customFormat="1" ht="15.75" customHeight="1">
      <c r="B855" s="71"/>
      <c r="C855" s="158"/>
      <c r="D855" s="130"/>
      <c r="E855" s="84"/>
      <c r="F855" s="91"/>
      <c r="G855" s="214"/>
      <c r="H855" s="96"/>
      <c r="I855" s="235"/>
      <c r="J855" s="121"/>
      <c r="K855" s="65"/>
      <c r="L855" s="67"/>
    </row>
    <row r="856" spans="2:13" s="70" customFormat="1" ht="15.75" customHeight="1">
      <c r="B856" s="74"/>
      <c r="C856" s="174"/>
      <c r="D856" s="81"/>
      <c r="E856" s="85"/>
      <c r="F856" s="90"/>
      <c r="G856" s="213"/>
      <c r="H856" s="99"/>
      <c r="I856" s="106"/>
      <c r="J856" s="125"/>
      <c r="K856" s="65"/>
      <c r="L856" s="67"/>
    </row>
    <row r="857" spans="2:13" s="70" customFormat="1" ht="15.75" customHeight="1">
      <c r="B857" s="75"/>
      <c r="C857" s="80"/>
      <c r="D857" s="80"/>
      <c r="E857" s="84"/>
      <c r="F857" s="80"/>
      <c r="G857" s="214"/>
      <c r="H857" s="96"/>
      <c r="I857" s="110"/>
      <c r="J857" s="121"/>
      <c r="K857" s="65"/>
      <c r="L857" s="67"/>
    </row>
    <row r="858" spans="2:13" s="70" customFormat="1" ht="15.75" customHeight="1">
      <c r="B858" s="129" t="s">
        <v>41</v>
      </c>
      <c r="C858" s="81"/>
      <c r="D858" s="81"/>
      <c r="E858" s="85"/>
      <c r="F858" s="90"/>
      <c r="G858" s="213"/>
      <c r="H858" s="99"/>
      <c r="I858" s="106"/>
      <c r="J858" s="125"/>
      <c r="K858" s="65"/>
      <c r="L858" s="67"/>
    </row>
    <row r="859" spans="2:13" ht="21" customHeight="1">
      <c r="B859" s="65" t="s">
        <v>21</v>
      </c>
      <c r="G859" s="207"/>
      <c r="M859" s="70"/>
    </row>
    <row r="860" spans="2:13" ht="25.5" customHeight="1">
      <c r="B860" s="71" t="s">
        <v>366</v>
      </c>
      <c r="C860" s="77" t="s">
        <v>308</v>
      </c>
      <c r="D860" s="77"/>
      <c r="E860" s="82"/>
      <c r="F860" s="77"/>
      <c r="G860" s="208"/>
      <c r="H860" s="97"/>
      <c r="I860" s="101"/>
      <c r="J860" s="113"/>
      <c r="M860" s="70"/>
    </row>
    <row r="861" spans="2:13" s="67" customFormat="1" ht="24" customHeight="1">
      <c r="B861" s="72" t="s">
        <v>9</v>
      </c>
      <c r="C861" s="72" t="s">
        <v>73</v>
      </c>
      <c r="D861" s="114"/>
      <c r="E861" s="83" t="s">
        <v>20</v>
      </c>
      <c r="F861" s="88" t="s">
        <v>26</v>
      </c>
      <c r="G861" s="209" t="s">
        <v>30</v>
      </c>
      <c r="H861" s="98" t="s">
        <v>11</v>
      </c>
      <c r="I861" s="72" t="s">
        <v>23</v>
      </c>
      <c r="J861" s="114"/>
      <c r="L861" s="69"/>
      <c r="M861" s="70"/>
    </row>
    <row r="862" spans="2:13" ht="15.75" customHeight="1">
      <c r="B862" s="71" t="s">
        <v>92</v>
      </c>
      <c r="C862" s="130"/>
      <c r="D862" s="130"/>
      <c r="E862" s="84"/>
      <c r="F862" s="89"/>
      <c r="G862" s="214"/>
      <c r="H862" s="96"/>
      <c r="I862" s="110"/>
      <c r="J862" s="124"/>
      <c r="L862" s="67"/>
      <c r="M862" s="70"/>
    </row>
    <row r="863" spans="2:13" ht="15.75" customHeight="1">
      <c r="B863" s="145" t="s">
        <v>256</v>
      </c>
      <c r="C863" s="81"/>
      <c r="D863" s="81"/>
      <c r="E863" s="85"/>
      <c r="F863" s="90"/>
      <c r="G863" s="213"/>
      <c r="H863" s="99"/>
      <c r="I863" s="106"/>
      <c r="J863" s="125"/>
      <c r="L863" s="67"/>
      <c r="M863" s="70"/>
    </row>
    <row r="864" spans="2:13" ht="15.75" customHeight="1">
      <c r="B864" s="142"/>
      <c r="C864" s="80"/>
      <c r="D864" s="80"/>
      <c r="E864" s="84"/>
      <c r="F864" s="80"/>
      <c r="G864" s="214"/>
      <c r="H864" s="100"/>
      <c r="I864" s="110"/>
      <c r="J864" s="124"/>
      <c r="L864" s="67"/>
      <c r="M864" s="70"/>
    </row>
    <row r="865" spans="2:13" ht="15.75" customHeight="1">
      <c r="B865" s="145"/>
      <c r="C865" s="81" t="s">
        <v>57</v>
      </c>
      <c r="D865" s="81" t="s">
        <v>58</v>
      </c>
      <c r="E865" s="85">
        <v>1041.79</v>
      </c>
      <c r="F865" s="90" t="s">
        <v>1</v>
      </c>
      <c r="G865" s="211"/>
      <c r="H865" s="99"/>
      <c r="I865" s="106"/>
      <c r="J865" s="125"/>
      <c r="L865" s="67"/>
      <c r="M865" s="70"/>
    </row>
    <row r="866" spans="2:13" ht="15.75" customHeight="1">
      <c r="B866" s="142"/>
      <c r="C866" s="80"/>
      <c r="D866" s="80"/>
      <c r="E866" s="84"/>
      <c r="F866" s="80"/>
      <c r="G866" s="214"/>
      <c r="H866" s="100"/>
      <c r="I866" s="110"/>
      <c r="J866" s="124"/>
      <c r="L866" s="67"/>
      <c r="M866" s="70"/>
    </row>
    <row r="867" spans="2:13" ht="15.75" customHeight="1">
      <c r="B867" s="145"/>
      <c r="C867" s="81" t="s">
        <v>39</v>
      </c>
      <c r="D867" s="81" t="s">
        <v>100</v>
      </c>
      <c r="E867" s="85">
        <v>79.599999999999994</v>
      </c>
      <c r="F867" s="90" t="s">
        <v>1</v>
      </c>
      <c r="G867" s="211"/>
      <c r="H867" s="99"/>
      <c r="I867" s="106"/>
      <c r="J867" s="125"/>
      <c r="L867" s="67"/>
      <c r="M867" s="70"/>
    </row>
    <row r="868" spans="2:13" ht="15.75" customHeight="1">
      <c r="B868" s="158"/>
      <c r="C868" s="158"/>
      <c r="D868" s="130"/>
      <c r="E868" s="84"/>
      <c r="F868" s="91"/>
      <c r="G868" s="214"/>
      <c r="H868" s="96"/>
      <c r="I868" s="110"/>
      <c r="J868" s="124"/>
      <c r="L868" s="67"/>
      <c r="M868" s="70"/>
    </row>
    <row r="869" spans="2:13" ht="15.75" customHeight="1">
      <c r="B869" s="74"/>
      <c r="C869" s="90"/>
      <c r="D869" s="174"/>
      <c r="E869" s="85"/>
      <c r="F869" s="90"/>
      <c r="G869" s="211"/>
      <c r="H869" s="99"/>
      <c r="I869" s="106"/>
      <c r="J869" s="125"/>
      <c r="L869" s="67"/>
      <c r="M869" s="70"/>
    </row>
    <row r="870" spans="2:13" ht="15.75" customHeight="1">
      <c r="B870" s="142"/>
      <c r="C870" s="130"/>
      <c r="D870" s="71"/>
      <c r="E870" s="84"/>
      <c r="F870" s="80"/>
      <c r="G870" s="214"/>
      <c r="H870" s="100"/>
      <c r="I870" s="133"/>
      <c r="J870" s="123"/>
      <c r="L870" s="67"/>
      <c r="M870" s="70"/>
    </row>
    <row r="871" spans="2:13" ht="15.75" customHeight="1">
      <c r="B871" s="145" t="s">
        <v>306</v>
      </c>
      <c r="C871" s="81"/>
      <c r="D871" s="74"/>
      <c r="E871" s="85"/>
      <c r="F871" s="90"/>
      <c r="G871" s="211"/>
      <c r="H871" s="99"/>
      <c r="I871" s="133"/>
      <c r="J871" s="123"/>
      <c r="L871" s="67"/>
      <c r="M871" s="70"/>
    </row>
    <row r="872" spans="2:13" ht="15.75" customHeight="1">
      <c r="B872" s="75"/>
      <c r="C872" s="157"/>
      <c r="D872" s="76" t="s">
        <v>0</v>
      </c>
      <c r="E872" s="84"/>
      <c r="F872" s="183"/>
      <c r="G872" s="214"/>
      <c r="H872" s="100"/>
      <c r="I872" s="110"/>
      <c r="J872" s="124"/>
      <c r="L872" s="67"/>
      <c r="M872" s="70"/>
    </row>
    <row r="873" spans="2:13" s="70" customFormat="1" ht="15.75" customHeight="1">
      <c r="B873" s="74"/>
      <c r="C873" s="81" t="s">
        <v>102</v>
      </c>
      <c r="D873" s="76" t="s">
        <v>221</v>
      </c>
      <c r="E873" s="85">
        <v>385.4</v>
      </c>
      <c r="F873" s="90" t="s">
        <v>1</v>
      </c>
      <c r="G873" s="211"/>
      <c r="H873" s="99"/>
      <c r="I873" s="106"/>
      <c r="J873" s="125"/>
      <c r="K873" s="65"/>
      <c r="L873" s="67"/>
    </row>
    <row r="874" spans="2:13" s="70" customFormat="1" ht="15.75" customHeight="1">
      <c r="B874" s="76"/>
      <c r="C874" s="157"/>
      <c r="D874" s="80" t="s">
        <v>61</v>
      </c>
      <c r="E874" s="84"/>
      <c r="F874" s="183"/>
      <c r="G874" s="214"/>
      <c r="H874" s="100"/>
      <c r="I874" s="110"/>
      <c r="J874" s="124"/>
      <c r="K874" s="65"/>
      <c r="L874" s="67"/>
    </row>
    <row r="875" spans="2:13" s="70" customFormat="1" ht="15.75" customHeight="1">
      <c r="B875" s="76"/>
      <c r="C875" s="81" t="s">
        <v>102</v>
      </c>
      <c r="D875" s="174"/>
      <c r="E875" s="85">
        <v>52.13</v>
      </c>
      <c r="F875" s="90" t="s">
        <v>1</v>
      </c>
      <c r="G875" s="211"/>
      <c r="H875" s="99"/>
      <c r="I875" s="106"/>
      <c r="J875" s="125"/>
      <c r="K875" s="65"/>
      <c r="L875" s="67"/>
    </row>
    <row r="876" spans="2:13" s="70" customFormat="1" ht="15.75" customHeight="1">
      <c r="B876" s="71"/>
      <c r="C876" s="157"/>
      <c r="D876" s="80" t="s">
        <v>305</v>
      </c>
      <c r="E876" s="84"/>
      <c r="F876" s="183"/>
      <c r="G876" s="214"/>
      <c r="H876" s="100"/>
      <c r="I876" s="110"/>
      <c r="J876" s="124"/>
      <c r="K876" s="65"/>
      <c r="L876" s="67"/>
    </row>
    <row r="877" spans="2:13" s="70" customFormat="1" ht="15.75" customHeight="1">
      <c r="B877" s="74"/>
      <c r="C877" s="81" t="s">
        <v>102</v>
      </c>
      <c r="D877" s="81" t="s">
        <v>53</v>
      </c>
      <c r="E877" s="85">
        <v>10.63</v>
      </c>
      <c r="F877" s="90" t="s">
        <v>1</v>
      </c>
      <c r="G877" s="211"/>
      <c r="H877" s="99"/>
      <c r="I877" s="106"/>
      <c r="J877" s="125"/>
      <c r="K877" s="65"/>
      <c r="L877" s="67"/>
      <c r="M877" s="65"/>
    </row>
    <row r="878" spans="2:13" s="70" customFormat="1" ht="15.75" customHeight="1">
      <c r="B878" s="71"/>
      <c r="C878" s="157"/>
      <c r="D878" s="80" t="s">
        <v>174</v>
      </c>
      <c r="E878" s="84"/>
      <c r="F878" s="183"/>
      <c r="G878" s="214"/>
      <c r="H878" s="100"/>
      <c r="I878" s="110"/>
      <c r="J878" s="124"/>
      <c r="K878" s="65"/>
      <c r="L878" s="67"/>
      <c r="M878" s="65"/>
    </row>
    <row r="879" spans="2:13" s="70" customFormat="1" ht="15.75" customHeight="1">
      <c r="B879" s="74"/>
      <c r="C879" s="81" t="s">
        <v>102</v>
      </c>
      <c r="D879" s="174"/>
      <c r="E879" s="85">
        <v>261.2</v>
      </c>
      <c r="F879" s="90" t="s">
        <v>1</v>
      </c>
      <c r="G879" s="211"/>
      <c r="H879" s="99"/>
      <c r="I879" s="106"/>
      <c r="J879" s="125"/>
      <c r="K879" s="65"/>
      <c r="L879" s="67"/>
      <c r="M879" s="67"/>
    </row>
    <row r="880" spans="2:13" s="70" customFormat="1" ht="15.75" customHeight="1">
      <c r="B880" s="76"/>
      <c r="C880" s="185"/>
      <c r="D880" s="157" t="s">
        <v>336</v>
      </c>
      <c r="E880" s="86"/>
      <c r="F880" s="183"/>
      <c r="G880" s="214"/>
      <c r="H880" s="100"/>
      <c r="I880" s="110"/>
      <c r="J880" s="124"/>
      <c r="K880" s="65"/>
      <c r="L880" s="67"/>
    </row>
    <row r="881" spans="2:13" s="70" customFormat="1" ht="15.75" customHeight="1">
      <c r="B881" s="76"/>
      <c r="C881" s="81" t="s">
        <v>102</v>
      </c>
      <c r="D881" s="194"/>
      <c r="E881" s="86">
        <v>614</v>
      </c>
      <c r="F881" s="90" t="s">
        <v>1</v>
      </c>
      <c r="G881" s="211"/>
      <c r="H881" s="99"/>
      <c r="I881" s="106"/>
      <c r="J881" s="125"/>
      <c r="K881" s="65"/>
      <c r="L881" s="67"/>
      <c r="M881" s="65"/>
    </row>
    <row r="882" spans="2:13" s="70" customFormat="1" ht="15.75" customHeight="1">
      <c r="B882" s="71"/>
      <c r="C882" s="75"/>
      <c r="D882" s="80"/>
      <c r="E882" s="84"/>
      <c r="F882" s="89"/>
      <c r="G882" s="214"/>
      <c r="H882" s="100"/>
      <c r="I882" s="110"/>
      <c r="J882" s="135"/>
      <c r="K882" s="65"/>
      <c r="L882" s="67"/>
      <c r="M882" s="65"/>
    </row>
    <row r="883" spans="2:13" s="70" customFormat="1" ht="15.75" customHeight="1">
      <c r="B883" s="74"/>
      <c r="C883" s="145" t="s">
        <v>79</v>
      </c>
      <c r="D883" s="174"/>
      <c r="E883" s="85">
        <v>0.1</v>
      </c>
      <c r="F883" s="90" t="s">
        <v>55</v>
      </c>
      <c r="G883" s="211"/>
      <c r="H883" s="99"/>
      <c r="I883" s="106"/>
      <c r="J883" s="243"/>
      <c r="K883" s="65"/>
      <c r="L883" s="67"/>
      <c r="M883" s="65"/>
    </row>
    <row r="884" spans="2:13" s="70" customFormat="1" ht="15.75" customHeight="1">
      <c r="B884" s="76"/>
      <c r="C884" s="158"/>
      <c r="D884" s="130"/>
      <c r="E884" s="84"/>
      <c r="F884" s="91"/>
      <c r="G884" s="214"/>
      <c r="H884" s="96"/>
      <c r="I884" s="133"/>
      <c r="J884" s="244"/>
      <c r="K884" s="65"/>
      <c r="L884" s="67"/>
      <c r="M884" s="65"/>
    </row>
    <row r="885" spans="2:13" s="70" customFormat="1" ht="15.75" customHeight="1">
      <c r="B885" s="76"/>
      <c r="C885" s="140" t="s">
        <v>99</v>
      </c>
      <c r="D885" s="81"/>
      <c r="E885" s="85">
        <v>1</v>
      </c>
      <c r="F885" s="90" t="s">
        <v>40</v>
      </c>
      <c r="G885" s="211"/>
      <c r="H885" s="99"/>
      <c r="I885" s="106"/>
      <c r="J885" s="243"/>
      <c r="K885" s="65"/>
      <c r="L885" s="67"/>
      <c r="M885" s="65"/>
    </row>
    <row r="886" spans="2:13" s="70" customFormat="1" ht="15.75" customHeight="1">
      <c r="B886" s="71"/>
      <c r="C886" s="158"/>
      <c r="D886" s="130"/>
      <c r="E886" s="84"/>
      <c r="F886" s="91"/>
      <c r="G886" s="214"/>
      <c r="H886" s="96"/>
      <c r="I886" s="133"/>
      <c r="J886" s="123"/>
      <c r="K886" s="65"/>
      <c r="L886" s="67"/>
      <c r="M886" s="65"/>
    </row>
    <row r="887" spans="2:13" s="70" customFormat="1" ht="15.75" customHeight="1">
      <c r="B887" s="74"/>
      <c r="C887" s="140" t="s">
        <v>304</v>
      </c>
      <c r="D887" s="81"/>
      <c r="E887" s="85">
        <v>1</v>
      </c>
      <c r="F887" s="90" t="s">
        <v>40</v>
      </c>
      <c r="G887" s="211"/>
      <c r="H887" s="99"/>
      <c r="I887" s="106"/>
      <c r="J887" s="125"/>
      <c r="K887" s="65"/>
      <c r="L887" s="67"/>
    </row>
    <row r="888" spans="2:13" s="70" customFormat="1" ht="15.75" customHeight="1">
      <c r="B888" s="71"/>
      <c r="C888" s="142"/>
      <c r="D888" s="146"/>
      <c r="E888" s="84"/>
      <c r="F888" s="91"/>
      <c r="G888" s="214"/>
      <c r="H888" s="96"/>
      <c r="I888" s="229"/>
      <c r="J888" s="124"/>
      <c r="K888" s="65"/>
      <c r="L888" s="67"/>
    </row>
    <row r="889" spans="2:13" s="70" customFormat="1" ht="15.75" customHeight="1">
      <c r="B889" s="74" t="s">
        <v>148</v>
      </c>
      <c r="C889" s="145" t="s">
        <v>262</v>
      </c>
      <c r="D889" s="145"/>
      <c r="E889" s="85">
        <v>1</v>
      </c>
      <c r="F889" s="90" t="s">
        <v>40</v>
      </c>
      <c r="G889" s="211"/>
      <c r="H889" s="99"/>
      <c r="I889" s="106"/>
      <c r="J889" s="125"/>
      <c r="K889" s="65"/>
      <c r="L889" s="67"/>
    </row>
    <row r="890" spans="2:13" s="70" customFormat="1" ht="15.75" customHeight="1">
      <c r="B890" s="75"/>
      <c r="C890" s="80"/>
      <c r="D890" s="80"/>
      <c r="E890" s="84"/>
      <c r="F890" s="80"/>
      <c r="G890" s="214"/>
      <c r="H890" s="96"/>
      <c r="I890" s="110"/>
      <c r="J890" s="124"/>
      <c r="K890" s="65"/>
      <c r="L890" s="67"/>
      <c r="M890" s="65"/>
    </row>
    <row r="891" spans="2:13" s="70" customFormat="1" ht="15.75" customHeight="1">
      <c r="B891" s="129" t="s">
        <v>41</v>
      </c>
      <c r="C891" s="81"/>
      <c r="D891" s="81"/>
      <c r="E891" s="85"/>
      <c r="F891" s="90"/>
      <c r="G891" s="213"/>
      <c r="H891" s="99"/>
      <c r="I891" s="106"/>
      <c r="J891" s="125"/>
      <c r="K891" s="65"/>
      <c r="L891" s="67"/>
    </row>
    <row r="892" spans="2:13" ht="21" customHeight="1">
      <c r="B892" s="65" t="s">
        <v>21</v>
      </c>
      <c r="G892" s="207"/>
      <c r="M892" s="70"/>
    </row>
    <row r="893" spans="2:13" ht="25.5" customHeight="1">
      <c r="B893" s="71" t="s">
        <v>366</v>
      </c>
      <c r="C893" s="77" t="s">
        <v>184</v>
      </c>
      <c r="D893" s="77"/>
      <c r="E893" s="82"/>
      <c r="F893" s="77"/>
      <c r="G893" s="208"/>
      <c r="H893" s="97"/>
      <c r="I893" s="101"/>
      <c r="J893" s="113"/>
      <c r="M893" s="70"/>
    </row>
    <row r="894" spans="2:13" s="67" customFormat="1" ht="22.5" customHeight="1">
      <c r="B894" s="72" t="s">
        <v>9</v>
      </c>
      <c r="C894" s="72" t="s">
        <v>73</v>
      </c>
      <c r="D894" s="114"/>
      <c r="E894" s="83" t="s">
        <v>20</v>
      </c>
      <c r="F894" s="88" t="s">
        <v>26</v>
      </c>
      <c r="G894" s="209" t="s">
        <v>30</v>
      </c>
      <c r="H894" s="98" t="s">
        <v>11</v>
      </c>
      <c r="I894" s="72" t="s">
        <v>23</v>
      </c>
      <c r="J894" s="114"/>
      <c r="L894" s="69"/>
      <c r="M894" s="70"/>
    </row>
    <row r="895" spans="2:13" s="70" customFormat="1" ht="15.75" customHeight="1">
      <c r="B895" s="71"/>
      <c r="C895" s="130"/>
      <c r="D895" s="130"/>
      <c r="E895" s="84"/>
      <c r="F895" s="89"/>
      <c r="G895" s="212"/>
      <c r="H895" s="100"/>
      <c r="I895" s="110"/>
      <c r="J895" s="124"/>
      <c r="K895" s="65"/>
      <c r="L895" s="67"/>
    </row>
    <row r="896" spans="2:13" ht="15.75" customHeight="1">
      <c r="B896" s="145" t="s">
        <v>295</v>
      </c>
      <c r="C896" s="81" t="s">
        <v>310</v>
      </c>
      <c r="D896" s="81"/>
      <c r="E896" s="85">
        <v>60</v>
      </c>
      <c r="F896" s="90" t="s">
        <v>5</v>
      </c>
      <c r="G896" s="211"/>
      <c r="H896" s="99"/>
      <c r="I896" s="106"/>
      <c r="J896" s="125"/>
      <c r="L896" s="67"/>
      <c r="M896" s="70"/>
    </row>
    <row r="897" spans="2:13" ht="15.75" customHeight="1">
      <c r="B897" s="142"/>
      <c r="C897" s="80"/>
      <c r="D897" s="80"/>
      <c r="E897" s="84"/>
      <c r="F897" s="89"/>
      <c r="G897" s="210"/>
      <c r="H897" s="100"/>
      <c r="I897" s="110"/>
      <c r="J897" s="124"/>
      <c r="L897" s="67"/>
      <c r="M897" s="70"/>
    </row>
    <row r="898" spans="2:13" ht="15.75" customHeight="1">
      <c r="B898" s="145"/>
      <c r="C898" s="81" t="s">
        <v>4</v>
      </c>
      <c r="D898" s="81"/>
      <c r="E898" s="85">
        <v>3048.9</v>
      </c>
      <c r="F898" s="90" t="s">
        <v>5</v>
      </c>
      <c r="G898" s="211"/>
      <c r="H898" s="99"/>
      <c r="I898" s="106"/>
      <c r="J898" s="125"/>
      <c r="L898" s="67"/>
      <c r="M898" s="70"/>
    </row>
    <row r="899" spans="2:13" ht="15.75" customHeight="1">
      <c r="B899" s="142"/>
      <c r="C899" s="80"/>
      <c r="D899" s="80"/>
      <c r="E899" s="84"/>
      <c r="F899" s="80"/>
      <c r="G899" s="210"/>
      <c r="H899" s="96"/>
      <c r="I899" s="110"/>
      <c r="J899" s="124"/>
      <c r="L899" s="67"/>
      <c r="M899" s="70"/>
    </row>
    <row r="900" spans="2:13" ht="15.75" customHeight="1">
      <c r="B900" s="145"/>
      <c r="C900" s="81"/>
      <c r="D900" s="81"/>
      <c r="E900" s="85"/>
      <c r="F900" s="90"/>
      <c r="G900" s="211"/>
      <c r="H900" s="99"/>
      <c r="I900" s="106"/>
      <c r="J900" s="125"/>
      <c r="L900" s="67"/>
      <c r="M900" s="70"/>
    </row>
    <row r="901" spans="2:13" ht="15.75" customHeight="1">
      <c r="B901" s="142"/>
      <c r="C901" s="80"/>
      <c r="D901" s="80"/>
      <c r="E901" s="84"/>
      <c r="F901" s="80"/>
      <c r="G901" s="210"/>
      <c r="H901" s="96"/>
      <c r="I901" s="110"/>
      <c r="J901" s="124"/>
      <c r="L901" s="67"/>
      <c r="M901" s="70"/>
    </row>
    <row r="902" spans="2:13" s="70" customFormat="1" ht="15.75" customHeight="1">
      <c r="B902" s="145"/>
      <c r="C902" s="81"/>
      <c r="D902" s="81"/>
      <c r="E902" s="85"/>
      <c r="F902" s="90"/>
      <c r="G902" s="211"/>
      <c r="H902" s="99"/>
      <c r="I902" s="106"/>
      <c r="J902" s="125"/>
      <c r="K902" s="65"/>
      <c r="L902" s="67"/>
    </row>
    <row r="903" spans="2:13" s="70" customFormat="1" ht="15.75" customHeight="1">
      <c r="B903" s="146"/>
      <c r="C903" s="153"/>
      <c r="D903" s="80"/>
      <c r="E903" s="84"/>
      <c r="F903" s="80"/>
      <c r="G903" s="216"/>
      <c r="H903" s="100"/>
      <c r="I903" s="133"/>
      <c r="J903" s="123"/>
      <c r="K903" s="65"/>
      <c r="L903" s="67"/>
    </row>
    <row r="904" spans="2:13" s="70" customFormat="1" ht="15.75" customHeight="1">
      <c r="B904" s="146"/>
      <c r="C904" s="156"/>
      <c r="D904" s="81"/>
      <c r="E904" s="85"/>
      <c r="F904" s="90"/>
      <c r="G904" s="216"/>
      <c r="H904" s="100"/>
      <c r="I904" s="133"/>
      <c r="J904" s="123"/>
      <c r="K904" s="65"/>
      <c r="L904" s="67"/>
    </row>
    <row r="905" spans="2:13" s="70" customFormat="1" ht="15.75" customHeight="1">
      <c r="B905" s="142"/>
      <c r="C905" s="130"/>
      <c r="D905" s="76"/>
      <c r="E905" s="86"/>
      <c r="F905" s="80"/>
      <c r="G905" s="210"/>
      <c r="H905" s="96"/>
      <c r="I905" s="110"/>
      <c r="J905" s="124"/>
      <c r="K905" s="65"/>
      <c r="L905" s="67"/>
    </row>
    <row r="906" spans="2:13" s="70" customFormat="1" ht="15.75" customHeight="1">
      <c r="B906" s="145"/>
      <c r="C906" s="81"/>
      <c r="D906" s="76"/>
      <c r="E906" s="86"/>
      <c r="F906" s="90"/>
      <c r="G906" s="211"/>
      <c r="H906" s="99"/>
      <c r="I906" s="106"/>
      <c r="J906" s="125"/>
      <c r="K906" s="65"/>
      <c r="L906" s="67"/>
    </row>
    <row r="907" spans="2:13" s="70" customFormat="1" ht="15.75" customHeight="1">
      <c r="B907" s="146"/>
      <c r="C907" s="130"/>
      <c r="D907" s="80"/>
      <c r="E907" s="84"/>
      <c r="F907" s="80"/>
      <c r="G907" s="216"/>
      <c r="H907" s="100"/>
      <c r="I907" s="133"/>
      <c r="J907" s="123"/>
      <c r="K907" s="65"/>
      <c r="L907" s="67"/>
    </row>
    <row r="908" spans="2:13" s="70" customFormat="1" ht="15.75" customHeight="1">
      <c r="B908" s="146"/>
      <c r="C908" s="81"/>
      <c r="D908" s="81"/>
      <c r="E908" s="85"/>
      <c r="F908" s="90"/>
      <c r="G908" s="216"/>
      <c r="H908" s="100"/>
      <c r="I908" s="133"/>
      <c r="J908" s="123"/>
      <c r="K908" s="65"/>
      <c r="L908" s="67"/>
    </row>
    <row r="909" spans="2:13" s="70" customFormat="1" ht="15.75" customHeight="1">
      <c r="B909" s="142"/>
      <c r="C909" s="130"/>
      <c r="D909" s="130"/>
      <c r="E909" s="84"/>
      <c r="F909" s="80"/>
      <c r="G909" s="210"/>
      <c r="H909" s="96"/>
      <c r="I909" s="110"/>
      <c r="J909" s="124"/>
      <c r="K909" s="65"/>
      <c r="L909" s="67"/>
    </row>
    <row r="910" spans="2:13" s="70" customFormat="1" ht="15.75" customHeight="1">
      <c r="B910" s="146"/>
      <c r="C910" s="81"/>
      <c r="D910" s="81"/>
      <c r="E910" s="85"/>
      <c r="F910" s="90"/>
      <c r="G910" s="211"/>
      <c r="H910" s="99"/>
      <c r="I910" s="106"/>
      <c r="J910" s="125"/>
      <c r="K910" s="65"/>
      <c r="L910" s="67"/>
    </row>
    <row r="911" spans="2:13" s="70" customFormat="1" ht="15.75" customHeight="1">
      <c r="B911" s="142"/>
      <c r="C911" s="130"/>
      <c r="D911" s="130"/>
      <c r="E911" s="84"/>
      <c r="F911" s="80"/>
      <c r="G911" s="216"/>
      <c r="H911" s="100"/>
      <c r="I911" s="133"/>
      <c r="J911" s="123"/>
      <c r="K911" s="65"/>
      <c r="L911" s="67"/>
    </row>
    <row r="912" spans="2:13" s="70" customFormat="1" ht="15.75" customHeight="1">
      <c r="B912" s="145"/>
      <c r="C912" s="81"/>
      <c r="D912" s="81"/>
      <c r="E912" s="85"/>
      <c r="F912" s="90"/>
      <c r="G912" s="216"/>
      <c r="H912" s="100"/>
      <c r="I912" s="133"/>
      <c r="J912" s="123"/>
      <c r="K912" s="65"/>
      <c r="L912" s="67"/>
    </row>
    <row r="913" spans="2:13" s="70" customFormat="1" ht="15.75" customHeight="1">
      <c r="B913" s="142"/>
      <c r="C913" s="80"/>
      <c r="D913" s="80"/>
      <c r="E913" s="84"/>
      <c r="F913" s="80"/>
      <c r="G913" s="210"/>
      <c r="H913" s="96"/>
      <c r="I913" s="110"/>
      <c r="J913" s="124"/>
      <c r="K913" s="65"/>
      <c r="L913" s="67"/>
    </row>
    <row r="914" spans="2:13" s="70" customFormat="1" ht="15.75" customHeight="1">
      <c r="B914" s="146"/>
      <c r="C914" s="81"/>
      <c r="D914" s="81"/>
      <c r="E914" s="85"/>
      <c r="F914" s="90"/>
      <c r="G914" s="211"/>
      <c r="H914" s="99"/>
      <c r="I914" s="106"/>
      <c r="J914" s="125"/>
      <c r="K914" s="65"/>
      <c r="L914" s="67"/>
      <c r="M914" s="65"/>
    </row>
    <row r="915" spans="2:13" s="70" customFormat="1" ht="15.75" customHeight="1">
      <c r="B915" s="142"/>
      <c r="C915" s="80"/>
      <c r="D915" s="80"/>
      <c r="E915" s="84"/>
      <c r="F915" s="80"/>
      <c r="G915" s="210"/>
      <c r="H915" s="96"/>
      <c r="I915" s="110"/>
      <c r="J915" s="124"/>
      <c r="K915" s="65"/>
      <c r="L915" s="67"/>
      <c r="M915" s="65"/>
    </row>
    <row r="916" spans="2:13" s="70" customFormat="1" ht="15.75" customHeight="1">
      <c r="B916" s="145"/>
      <c r="C916" s="81"/>
      <c r="D916" s="81"/>
      <c r="E916" s="85"/>
      <c r="F916" s="90"/>
      <c r="G916" s="211"/>
      <c r="H916" s="99"/>
      <c r="I916" s="106"/>
      <c r="J916" s="123"/>
      <c r="K916" s="65"/>
      <c r="L916" s="67"/>
      <c r="M916" s="65"/>
    </row>
    <row r="917" spans="2:13" s="70" customFormat="1" ht="15.75" customHeight="1">
      <c r="B917" s="142"/>
      <c r="C917" s="80"/>
      <c r="D917" s="80"/>
      <c r="E917" s="84"/>
      <c r="F917" s="80"/>
      <c r="G917" s="210"/>
      <c r="H917" s="96"/>
      <c r="I917" s="110"/>
      <c r="J917" s="124"/>
      <c r="K917" s="65"/>
      <c r="L917" s="67"/>
      <c r="M917" s="65"/>
    </row>
    <row r="918" spans="2:13" s="70" customFormat="1" ht="15.75" customHeight="1">
      <c r="B918" s="145"/>
      <c r="C918" s="81"/>
      <c r="D918" s="81"/>
      <c r="E918" s="85"/>
      <c r="F918" s="90"/>
      <c r="G918" s="211"/>
      <c r="H918" s="99"/>
      <c r="I918" s="106"/>
      <c r="J918" s="125"/>
      <c r="K918" s="65"/>
      <c r="L918" s="67"/>
      <c r="M918" s="65"/>
    </row>
    <row r="919" spans="2:13" s="70" customFormat="1" ht="15.75" customHeight="1">
      <c r="B919" s="142"/>
      <c r="C919" s="80"/>
      <c r="D919" s="80"/>
      <c r="E919" s="84"/>
      <c r="F919" s="80"/>
      <c r="G919" s="210"/>
      <c r="H919" s="96"/>
      <c r="I919" s="110"/>
      <c r="J919" s="124"/>
      <c r="K919" s="65"/>
      <c r="L919" s="67"/>
      <c r="M919" s="65"/>
    </row>
    <row r="920" spans="2:13" s="70" customFormat="1" ht="15.75" customHeight="1">
      <c r="B920" s="145"/>
      <c r="C920" s="81"/>
      <c r="D920" s="81"/>
      <c r="E920" s="85"/>
      <c r="F920" s="90"/>
      <c r="G920" s="211"/>
      <c r="H920" s="99"/>
      <c r="I920" s="106"/>
      <c r="J920" s="125"/>
      <c r="K920" s="65"/>
      <c r="L920" s="67"/>
    </row>
    <row r="921" spans="2:13" s="70" customFormat="1" ht="15.75" customHeight="1">
      <c r="B921" s="142"/>
      <c r="C921" s="80"/>
      <c r="D921" s="80"/>
      <c r="E921" s="84"/>
      <c r="F921" s="80"/>
      <c r="G921" s="210"/>
      <c r="H921" s="96"/>
      <c r="I921" s="110"/>
      <c r="J921" s="124"/>
      <c r="K921" s="65"/>
      <c r="L921" s="67"/>
    </row>
    <row r="922" spans="2:13" s="70" customFormat="1" ht="15.75" customHeight="1">
      <c r="B922" s="145"/>
      <c r="C922" s="81"/>
      <c r="D922" s="81"/>
      <c r="E922" s="85"/>
      <c r="F922" s="90"/>
      <c r="G922" s="211"/>
      <c r="H922" s="99"/>
      <c r="I922" s="106"/>
      <c r="J922" s="125"/>
      <c r="K922" s="65"/>
      <c r="L922" s="67"/>
    </row>
    <row r="923" spans="2:13" s="70" customFormat="1" ht="15.75" customHeight="1">
      <c r="B923" s="142"/>
      <c r="C923" s="153"/>
      <c r="D923" s="80"/>
      <c r="E923" s="84"/>
      <c r="F923" s="80"/>
      <c r="G923" s="210"/>
      <c r="H923" s="96"/>
      <c r="I923" s="110"/>
      <c r="J923" s="123"/>
      <c r="K923" s="65"/>
      <c r="L923" s="67"/>
    </row>
    <row r="924" spans="2:13" s="70" customFormat="1" ht="15.75" customHeight="1">
      <c r="B924" s="159" t="s">
        <v>41</v>
      </c>
      <c r="C924" s="156"/>
      <c r="D924" s="81"/>
      <c r="E924" s="85"/>
      <c r="F924" s="90"/>
      <c r="G924" s="211"/>
      <c r="H924" s="99"/>
      <c r="I924" s="106"/>
      <c r="J924" s="125"/>
      <c r="K924" s="65"/>
      <c r="L924" s="67"/>
    </row>
    <row r="925" spans="2:13" ht="21" customHeight="1">
      <c r="B925" s="65" t="s">
        <v>21</v>
      </c>
      <c r="G925" s="207"/>
      <c r="M925" s="70"/>
    </row>
    <row r="926" spans="2:13" ht="25.5" customHeight="1">
      <c r="B926" s="71" t="s">
        <v>366</v>
      </c>
      <c r="C926" s="77" t="s">
        <v>155</v>
      </c>
      <c r="D926" s="77"/>
      <c r="E926" s="82"/>
      <c r="F926" s="77"/>
      <c r="G926" s="208"/>
      <c r="H926" s="97"/>
      <c r="I926" s="101"/>
      <c r="J926" s="113"/>
      <c r="M926" s="70"/>
    </row>
    <row r="927" spans="2:13" s="67" customFormat="1" ht="24" customHeight="1">
      <c r="B927" s="72" t="s">
        <v>9</v>
      </c>
      <c r="C927" s="72" t="s">
        <v>73</v>
      </c>
      <c r="D927" s="114"/>
      <c r="E927" s="83" t="s">
        <v>20</v>
      </c>
      <c r="F927" s="88" t="s">
        <v>26</v>
      </c>
      <c r="G927" s="209" t="s">
        <v>30</v>
      </c>
      <c r="H927" s="98" t="s">
        <v>11</v>
      </c>
      <c r="I927" s="72" t="s">
        <v>23</v>
      </c>
      <c r="J927" s="114"/>
      <c r="L927" s="69"/>
      <c r="M927" s="70"/>
    </row>
    <row r="928" spans="2:13" ht="15.75" customHeight="1">
      <c r="B928" s="142"/>
      <c r="C928" s="130"/>
      <c r="D928" s="130"/>
      <c r="E928" s="84"/>
      <c r="F928" s="89"/>
      <c r="G928" s="210"/>
      <c r="H928" s="100"/>
      <c r="I928" s="110"/>
      <c r="J928" s="124"/>
      <c r="L928" s="67"/>
      <c r="M928" s="70"/>
    </row>
    <row r="929" spans="2:13" ht="15.75" customHeight="1">
      <c r="B929" s="145" t="s">
        <v>143</v>
      </c>
      <c r="C929" s="81" t="s">
        <v>310</v>
      </c>
      <c r="D929" s="81"/>
      <c r="E929" s="85">
        <v>60</v>
      </c>
      <c r="F929" s="90" t="s">
        <v>5</v>
      </c>
      <c r="G929" s="211"/>
      <c r="H929" s="99"/>
      <c r="I929" s="106"/>
      <c r="J929" s="125"/>
      <c r="L929" s="67"/>
      <c r="M929" s="70"/>
    </row>
    <row r="930" spans="2:13" ht="15.75" customHeight="1">
      <c r="B930" s="142"/>
      <c r="C930" s="80"/>
      <c r="D930" s="80"/>
      <c r="E930" s="84"/>
      <c r="F930" s="89"/>
      <c r="G930" s="210"/>
      <c r="H930" s="100"/>
      <c r="I930" s="110"/>
      <c r="J930" s="123"/>
      <c r="L930" s="67"/>
      <c r="M930" s="70"/>
    </row>
    <row r="931" spans="2:13" ht="15.75" customHeight="1">
      <c r="B931" s="145"/>
      <c r="C931" s="81" t="s">
        <v>4</v>
      </c>
      <c r="D931" s="81"/>
      <c r="E931" s="85">
        <v>3048.9</v>
      </c>
      <c r="F931" s="90" t="s">
        <v>5</v>
      </c>
      <c r="G931" s="211"/>
      <c r="H931" s="99"/>
      <c r="I931" s="106"/>
      <c r="J931" s="125"/>
      <c r="L931" s="67"/>
      <c r="M931" s="70"/>
    </row>
    <row r="932" spans="2:13" ht="15.75" customHeight="1">
      <c r="B932" s="142"/>
      <c r="C932" s="80"/>
      <c r="D932" s="80"/>
      <c r="E932" s="84"/>
      <c r="F932" s="89"/>
      <c r="G932" s="214"/>
      <c r="H932" s="96"/>
      <c r="I932" s="110"/>
      <c r="J932" s="124"/>
      <c r="L932" s="67"/>
      <c r="M932" s="70"/>
    </row>
    <row r="933" spans="2:13" s="70" customFormat="1" ht="15.75" customHeight="1">
      <c r="B933" s="145"/>
      <c r="C933" s="81"/>
      <c r="D933" s="81"/>
      <c r="E933" s="85"/>
      <c r="F933" s="90"/>
      <c r="G933" s="213"/>
      <c r="H933" s="99"/>
      <c r="I933" s="106"/>
      <c r="J933" s="125"/>
      <c r="K933" s="65"/>
      <c r="L933" s="67"/>
    </row>
    <row r="934" spans="2:13" s="70" customFormat="1" ht="15.75" customHeight="1">
      <c r="B934" s="142"/>
      <c r="C934" s="142"/>
      <c r="D934" s="80"/>
      <c r="E934" s="84"/>
      <c r="F934" s="80"/>
      <c r="G934" s="214"/>
      <c r="H934" s="96"/>
      <c r="I934" s="110"/>
      <c r="J934" s="124"/>
      <c r="K934" s="65"/>
      <c r="L934" s="67"/>
    </row>
    <row r="935" spans="2:13" s="70" customFormat="1" ht="15.75" customHeight="1">
      <c r="B935" s="145"/>
      <c r="C935" s="141"/>
      <c r="D935" s="81"/>
      <c r="E935" s="85"/>
      <c r="F935" s="90"/>
      <c r="G935" s="213"/>
      <c r="H935" s="99"/>
      <c r="I935" s="106"/>
      <c r="J935" s="125"/>
      <c r="K935" s="65"/>
      <c r="L935" s="67"/>
    </row>
    <row r="936" spans="2:13" s="70" customFormat="1" ht="15.75" customHeight="1">
      <c r="B936" s="142"/>
      <c r="C936" s="153"/>
      <c r="D936" s="80"/>
      <c r="E936" s="84"/>
      <c r="F936" s="80"/>
      <c r="G936" s="214"/>
      <c r="H936" s="96"/>
      <c r="I936" s="229"/>
      <c r="J936" s="124"/>
      <c r="K936" s="65"/>
      <c r="L936" s="67"/>
    </row>
    <row r="937" spans="2:13" s="70" customFormat="1" ht="15.75" customHeight="1">
      <c r="B937" s="145"/>
      <c r="C937" s="156"/>
      <c r="D937" s="81"/>
      <c r="E937" s="85"/>
      <c r="F937" s="90"/>
      <c r="G937" s="213"/>
      <c r="H937" s="99"/>
      <c r="I937" s="106"/>
      <c r="J937" s="125"/>
      <c r="K937" s="65"/>
      <c r="L937" s="67"/>
    </row>
    <row r="938" spans="2:13" s="70" customFormat="1" ht="15.75" customHeight="1">
      <c r="B938" s="142"/>
      <c r="C938" s="80"/>
      <c r="D938" s="142"/>
      <c r="E938" s="84"/>
      <c r="F938" s="80"/>
      <c r="G938" s="214"/>
      <c r="H938" s="96"/>
      <c r="I938" s="229"/>
      <c r="J938" s="124"/>
      <c r="K938" s="65"/>
      <c r="L938" s="67"/>
    </row>
    <row r="939" spans="2:13" s="70" customFormat="1" ht="15.75" customHeight="1">
      <c r="B939" s="145"/>
      <c r="C939" s="81"/>
      <c r="D939" s="81"/>
      <c r="E939" s="85"/>
      <c r="F939" s="90"/>
      <c r="G939" s="213"/>
      <c r="H939" s="99"/>
      <c r="I939" s="106"/>
      <c r="J939" s="125"/>
      <c r="K939" s="65"/>
      <c r="L939" s="67"/>
    </row>
    <row r="940" spans="2:13" s="70" customFormat="1" ht="15.75" customHeight="1">
      <c r="B940" s="142"/>
      <c r="C940" s="130"/>
      <c r="D940" s="130"/>
      <c r="E940" s="84"/>
      <c r="F940" s="80"/>
      <c r="G940" s="215"/>
      <c r="H940" s="100"/>
      <c r="I940" s="133"/>
      <c r="J940" s="245"/>
      <c r="K940" s="65"/>
      <c r="L940" s="67"/>
    </row>
    <row r="941" spans="2:13" s="70" customFormat="1" ht="15.75" customHeight="1">
      <c r="B941" s="145"/>
      <c r="C941" s="81"/>
      <c r="D941" s="81"/>
      <c r="E941" s="85"/>
      <c r="F941" s="90"/>
      <c r="G941" s="215"/>
      <c r="H941" s="100"/>
      <c r="I941" s="106"/>
      <c r="J941" s="245"/>
      <c r="K941" s="65"/>
      <c r="L941" s="67"/>
    </row>
    <row r="942" spans="2:13" s="70" customFormat="1" ht="15.75" customHeight="1">
      <c r="B942" s="148"/>
      <c r="C942" s="142"/>
      <c r="D942" s="80"/>
      <c r="E942" s="84"/>
      <c r="F942" s="80"/>
      <c r="G942" s="214"/>
      <c r="H942" s="96"/>
      <c r="I942" s="133"/>
      <c r="J942" s="124"/>
      <c r="K942" s="65"/>
      <c r="L942" s="67"/>
    </row>
    <row r="943" spans="2:13" s="70" customFormat="1" ht="15.75" customHeight="1">
      <c r="B943" s="160"/>
      <c r="C943" s="141"/>
      <c r="D943" s="81"/>
      <c r="E943" s="85"/>
      <c r="F943" s="90"/>
      <c r="G943" s="213"/>
      <c r="H943" s="99"/>
      <c r="I943" s="106"/>
      <c r="J943" s="125"/>
      <c r="K943" s="65"/>
      <c r="L943" s="67"/>
      <c r="M943" s="65"/>
    </row>
    <row r="944" spans="2:13" s="70" customFormat="1" ht="15.75" customHeight="1">
      <c r="B944" s="148"/>
      <c r="C944" s="80"/>
      <c r="D944" s="80"/>
      <c r="E944" s="84"/>
      <c r="F944" s="80"/>
      <c r="G944" s="214"/>
      <c r="H944" s="96"/>
      <c r="I944" s="230"/>
      <c r="J944" s="121"/>
      <c r="K944" s="65"/>
      <c r="L944" s="67"/>
      <c r="M944" s="65"/>
    </row>
    <row r="945" spans="2:13" s="70" customFormat="1" ht="15.75" customHeight="1">
      <c r="B945" s="160"/>
      <c r="C945" s="141"/>
      <c r="D945" s="81"/>
      <c r="E945" s="85"/>
      <c r="F945" s="90"/>
      <c r="G945" s="213"/>
      <c r="H945" s="99"/>
      <c r="I945" s="106"/>
      <c r="J945" s="122"/>
      <c r="K945" s="65"/>
      <c r="L945" s="67"/>
      <c r="M945" s="67"/>
    </row>
    <row r="946" spans="2:13" s="70" customFormat="1" ht="15.75" customHeight="1">
      <c r="B946" s="148"/>
      <c r="C946" s="153"/>
      <c r="D946" s="80"/>
      <c r="E946" s="84"/>
      <c r="F946" s="80"/>
      <c r="G946" s="214"/>
      <c r="H946" s="96"/>
      <c r="I946" s="230"/>
      <c r="J946" s="121"/>
      <c r="K946" s="65"/>
      <c r="L946" s="67"/>
      <c r="M946" s="65"/>
    </row>
    <row r="947" spans="2:13" s="70" customFormat="1" ht="15.75" customHeight="1">
      <c r="B947" s="160"/>
      <c r="C947" s="156"/>
      <c r="D947" s="81"/>
      <c r="E947" s="85"/>
      <c r="F947" s="90"/>
      <c r="G947" s="213"/>
      <c r="H947" s="99"/>
      <c r="I947" s="106"/>
      <c r="J947" s="122"/>
      <c r="K947" s="65"/>
      <c r="L947" s="67"/>
      <c r="M947" s="65"/>
    </row>
    <row r="948" spans="2:13" s="70" customFormat="1" ht="15.75" customHeight="1">
      <c r="B948" s="161"/>
      <c r="C948" s="178"/>
      <c r="D948" s="80"/>
      <c r="E948" s="84"/>
      <c r="F948" s="80"/>
      <c r="G948" s="214"/>
      <c r="H948" s="96"/>
      <c r="I948" s="229"/>
      <c r="J948" s="124"/>
      <c r="K948" s="65"/>
      <c r="L948" s="67"/>
      <c r="M948" s="65"/>
    </row>
    <row r="949" spans="2:13" s="70" customFormat="1" ht="15.75" customHeight="1">
      <c r="B949" s="160"/>
      <c r="C949" s="179"/>
      <c r="D949" s="81"/>
      <c r="E949" s="85"/>
      <c r="F949" s="90"/>
      <c r="G949" s="213"/>
      <c r="H949" s="99"/>
      <c r="I949" s="106"/>
      <c r="J949" s="125"/>
      <c r="K949" s="65"/>
      <c r="L949" s="67"/>
      <c r="M949" s="65"/>
    </row>
    <row r="950" spans="2:13" s="70" customFormat="1" ht="15.75" customHeight="1">
      <c r="B950" s="142"/>
      <c r="C950" s="130"/>
      <c r="D950" s="80"/>
      <c r="E950" s="84"/>
      <c r="F950" s="80"/>
      <c r="G950" s="214"/>
      <c r="H950" s="96"/>
      <c r="I950" s="133"/>
      <c r="J950" s="124"/>
      <c r="K950" s="65"/>
      <c r="L950" s="67"/>
      <c r="M950" s="65"/>
    </row>
    <row r="951" spans="2:13" s="70" customFormat="1" ht="15.75" customHeight="1">
      <c r="B951" s="145"/>
      <c r="C951" s="81"/>
      <c r="D951" s="81"/>
      <c r="E951" s="85"/>
      <c r="F951" s="90"/>
      <c r="G951" s="213"/>
      <c r="H951" s="99"/>
      <c r="I951" s="106"/>
      <c r="J951" s="125"/>
      <c r="K951" s="65"/>
      <c r="L951" s="67"/>
    </row>
    <row r="952" spans="2:13" s="70" customFormat="1" ht="15.75" customHeight="1">
      <c r="B952" s="142"/>
      <c r="C952" s="130"/>
      <c r="D952" s="130"/>
      <c r="E952" s="84"/>
      <c r="F952" s="80"/>
      <c r="G952" s="214"/>
      <c r="H952" s="96"/>
      <c r="I952" s="110"/>
      <c r="J952" s="123"/>
      <c r="K952" s="65"/>
      <c r="L952" s="67"/>
    </row>
    <row r="953" spans="2:13" s="70" customFormat="1" ht="15.75" customHeight="1">
      <c r="B953" s="160"/>
      <c r="C953" s="81"/>
      <c r="D953" s="81"/>
      <c r="E953" s="85"/>
      <c r="F953" s="90"/>
      <c r="G953" s="213"/>
      <c r="H953" s="99"/>
      <c r="I953" s="106"/>
      <c r="J953" s="125"/>
      <c r="K953" s="65"/>
      <c r="L953" s="67"/>
    </row>
    <row r="954" spans="2:13" s="70" customFormat="1" ht="15.75" customHeight="1">
      <c r="B954" s="162"/>
      <c r="C954" s="80"/>
      <c r="D954" s="80"/>
      <c r="E954" s="84"/>
      <c r="F954" s="80"/>
      <c r="G954" s="215"/>
      <c r="H954" s="100"/>
      <c r="I954" s="133"/>
      <c r="J954" s="123"/>
      <c r="K954" s="65"/>
      <c r="L954" s="67"/>
    </row>
    <row r="955" spans="2:13" s="70" customFormat="1" ht="15.75" customHeight="1">
      <c r="B955" s="162"/>
      <c r="C955" s="81"/>
      <c r="D955" s="81"/>
      <c r="E955" s="85"/>
      <c r="F955" s="90"/>
      <c r="G955" s="215"/>
      <c r="H955" s="100"/>
      <c r="I955" s="133"/>
      <c r="J955" s="123"/>
      <c r="K955" s="65"/>
      <c r="L955" s="67"/>
    </row>
    <row r="956" spans="2:13" s="70" customFormat="1" ht="15.75" customHeight="1">
      <c r="B956" s="75"/>
      <c r="C956" s="80"/>
      <c r="D956" s="80"/>
      <c r="E956" s="84"/>
      <c r="F956" s="80"/>
      <c r="G956" s="214"/>
      <c r="H956" s="96"/>
      <c r="I956" s="110"/>
      <c r="J956" s="124"/>
      <c r="K956" s="65"/>
      <c r="L956" s="67"/>
    </row>
    <row r="957" spans="2:13" s="70" customFormat="1" ht="15.75" customHeight="1">
      <c r="B957" s="129" t="s">
        <v>41</v>
      </c>
      <c r="C957" s="81"/>
      <c r="D957" s="81"/>
      <c r="E957" s="85"/>
      <c r="F957" s="90"/>
      <c r="G957" s="213"/>
      <c r="H957" s="99"/>
      <c r="I957" s="106"/>
      <c r="J957" s="125"/>
      <c r="K957" s="65"/>
      <c r="L957" s="67"/>
    </row>
    <row r="958" spans="2:13" ht="21" customHeight="1">
      <c r="B958" s="65" t="s">
        <v>343</v>
      </c>
      <c r="G958" s="207"/>
      <c r="M958" s="70"/>
    </row>
    <row r="959" spans="2:13" ht="25.5" customHeight="1">
      <c r="B959" s="71" t="s">
        <v>366</v>
      </c>
      <c r="C959" s="77" t="s">
        <v>49</v>
      </c>
      <c r="D959" s="77"/>
      <c r="E959" s="82"/>
      <c r="F959" s="77"/>
      <c r="G959" s="208"/>
      <c r="H959" s="97"/>
      <c r="I959" s="101"/>
      <c r="J959" s="113"/>
      <c r="M959" s="70"/>
    </row>
    <row r="960" spans="2:13" s="67" customFormat="1" ht="22.5" customHeight="1">
      <c r="B960" s="72" t="s">
        <v>9</v>
      </c>
      <c r="C960" s="72" t="s">
        <v>73</v>
      </c>
      <c r="D960" s="114"/>
      <c r="E960" s="83" t="s">
        <v>20</v>
      </c>
      <c r="F960" s="88" t="s">
        <v>26</v>
      </c>
      <c r="G960" s="209" t="s">
        <v>30</v>
      </c>
      <c r="H960" s="98" t="s">
        <v>11</v>
      </c>
      <c r="I960" s="72" t="s">
        <v>23</v>
      </c>
      <c r="J960" s="114"/>
      <c r="L960" s="69"/>
      <c r="M960" s="70"/>
    </row>
    <row r="961" spans="2:13" ht="16.149999999999999" customHeight="1">
      <c r="B961" s="71" t="s">
        <v>313</v>
      </c>
      <c r="C961" s="80" t="s">
        <v>17</v>
      </c>
      <c r="D961" s="80"/>
      <c r="E961" s="84"/>
      <c r="F961" s="89"/>
      <c r="G961" s="214"/>
      <c r="H961" s="96"/>
      <c r="I961" s="110"/>
      <c r="J961" s="121"/>
      <c r="L961" s="67"/>
      <c r="M961" s="70"/>
    </row>
    <row r="962" spans="2:13" ht="16.149999999999999" customHeight="1">
      <c r="B962" s="74" t="s">
        <v>89</v>
      </c>
      <c r="C962" s="179" t="s">
        <v>87</v>
      </c>
      <c r="D962" s="81"/>
      <c r="E962" s="85">
        <v>1</v>
      </c>
      <c r="F962" s="90" t="s">
        <v>40</v>
      </c>
      <c r="G962" s="213"/>
      <c r="H962" s="99"/>
      <c r="I962" s="106"/>
      <c r="J962" s="122"/>
      <c r="L962" s="67"/>
      <c r="M962" s="70"/>
    </row>
    <row r="963" spans="2:13" ht="16.149999999999999" customHeight="1">
      <c r="B963" s="163"/>
      <c r="C963" s="80"/>
      <c r="D963" s="80"/>
      <c r="E963" s="84"/>
      <c r="F963" s="89"/>
      <c r="G963" s="214"/>
      <c r="H963" s="96"/>
      <c r="I963" s="110"/>
      <c r="J963" s="121"/>
      <c r="L963" s="67"/>
      <c r="M963" s="70"/>
    </row>
    <row r="964" spans="2:13" ht="16.149999999999999" customHeight="1">
      <c r="B964" s="74"/>
      <c r="C964" s="81" t="s">
        <v>13</v>
      </c>
      <c r="D964" s="81"/>
      <c r="E964" s="85">
        <v>1</v>
      </c>
      <c r="F964" s="90" t="s">
        <v>40</v>
      </c>
      <c r="G964" s="213"/>
      <c r="H964" s="99"/>
      <c r="I964" s="106"/>
      <c r="J964" s="122"/>
      <c r="L964" s="67"/>
      <c r="M964" s="70"/>
    </row>
    <row r="965" spans="2:13" ht="16.149999999999999" customHeight="1">
      <c r="B965" s="75"/>
      <c r="C965" s="73"/>
      <c r="D965" s="199"/>
      <c r="E965" s="84"/>
      <c r="F965" s="89"/>
      <c r="G965" s="214"/>
      <c r="H965" s="96"/>
      <c r="I965" s="110"/>
      <c r="J965" s="121"/>
      <c r="L965" s="67"/>
      <c r="M965" s="70"/>
    </row>
    <row r="966" spans="2:13" ht="16.149999999999999" customHeight="1">
      <c r="B966" s="74"/>
      <c r="C966" s="74" t="s">
        <v>93</v>
      </c>
      <c r="D966" s="200"/>
      <c r="E966" s="85">
        <v>1</v>
      </c>
      <c r="F966" s="204" t="s">
        <v>40</v>
      </c>
      <c r="G966" s="213"/>
      <c r="H966" s="99"/>
      <c r="I966" s="106"/>
      <c r="J966" s="122"/>
      <c r="L966" s="67"/>
      <c r="M966" s="70"/>
    </row>
    <row r="967" spans="2:13" ht="16.149999999999999" customHeight="1">
      <c r="B967" s="163"/>
      <c r="C967" s="73"/>
      <c r="D967" s="199"/>
      <c r="E967" s="84"/>
      <c r="F967" s="89"/>
      <c r="G967" s="214"/>
      <c r="H967" s="96"/>
      <c r="I967" s="110"/>
      <c r="J967" s="121"/>
      <c r="L967" s="67"/>
      <c r="M967" s="70"/>
    </row>
    <row r="968" spans="2:13" ht="16.149999999999999" customHeight="1">
      <c r="B968" s="74"/>
      <c r="C968" s="74" t="s">
        <v>312</v>
      </c>
      <c r="D968" s="200"/>
      <c r="E968" s="85">
        <v>1</v>
      </c>
      <c r="F968" s="204" t="s">
        <v>40</v>
      </c>
      <c r="G968" s="213"/>
      <c r="H968" s="99"/>
      <c r="I968" s="106"/>
      <c r="J968" s="122"/>
      <c r="L968" s="67"/>
      <c r="M968" s="70"/>
    </row>
    <row r="969" spans="2:13" ht="16.149999999999999" customHeight="1">
      <c r="B969" s="71"/>
      <c r="C969" s="80"/>
      <c r="D969" s="80"/>
      <c r="E969" s="84"/>
      <c r="F969" s="89"/>
      <c r="G969" s="214"/>
      <c r="H969" s="96"/>
      <c r="I969" s="110"/>
      <c r="J969" s="121"/>
      <c r="L969" s="67"/>
      <c r="M969" s="70"/>
    </row>
    <row r="970" spans="2:13" ht="16.149999999999999" customHeight="1">
      <c r="B970" s="74"/>
      <c r="C970" s="81"/>
      <c r="D970" s="81"/>
      <c r="E970" s="85"/>
      <c r="F970" s="90"/>
      <c r="G970" s="213"/>
      <c r="H970" s="99"/>
      <c r="I970" s="106"/>
      <c r="J970" s="122"/>
      <c r="L970" s="67"/>
      <c r="M970" s="70"/>
    </row>
    <row r="971" spans="2:13" s="70" customFormat="1" ht="16.149999999999999" customHeight="1">
      <c r="B971" s="71" t="s">
        <v>90</v>
      </c>
      <c r="C971" s="157"/>
      <c r="D971" s="157"/>
      <c r="E971" s="84"/>
      <c r="F971" s="89"/>
      <c r="G971" s="214"/>
      <c r="H971" s="96"/>
      <c r="I971" s="110"/>
      <c r="J971" s="121"/>
      <c r="K971" s="65"/>
      <c r="L971" s="67"/>
    </row>
    <row r="972" spans="2:13" s="70" customFormat="1" ht="16.149999999999999" customHeight="1">
      <c r="B972" s="74" t="s">
        <v>89</v>
      </c>
      <c r="C972" s="157" t="s">
        <v>74</v>
      </c>
      <c r="D972" s="157"/>
      <c r="E972" s="85">
        <v>1</v>
      </c>
      <c r="F972" s="204" t="s">
        <v>40</v>
      </c>
      <c r="G972" s="213"/>
      <c r="H972" s="99"/>
      <c r="I972" s="106"/>
      <c r="J972" s="122"/>
      <c r="K972" s="65"/>
      <c r="L972" s="67"/>
    </row>
    <row r="973" spans="2:13" s="70" customFormat="1" ht="16.149999999999999" customHeight="1">
      <c r="B973" s="163"/>
      <c r="C973" s="73"/>
      <c r="D973" s="80"/>
      <c r="E973" s="84"/>
      <c r="F973" s="89"/>
      <c r="G973" s="214"/>
      <c r="H973" s="96"/>
      <c r="I973" s="230"/>
      <c r="J973" s="121"/>
      <c r="K973" s="65"/>
      <c r="L973" s="67"/>
    </row>
    <row r="974" spans="2:13" s="70" customFormat="1" ht="16.149999999999999" customHeight="1">
      <c r="B974" s="74"/>
      <c r="C974" s="74" t="s">
        <v>128</v>
      </c>
      <c r="D974" s="81"/>
      <c r="E974" s="85">
        <v>1</v>
      </c>
      <c r="F974" s="204" t="s">
        <v>40</v>
      </c>
      <c r="G974" s="213"/>
      <c r="H974" s="99"/>
      <c r="I974" s="225"/>
      <c r="J974" s="122"/>
      <c r="K974" s="65"/>
      <c r="L974" s="67"/>
    </row>
    <row r="975" spans="2:13" s="70" customFormat="1" ht="16.149999999999999" customHeight="1">
      <c r="B975" s="71"/>
      <c r="C975" s="73"/>
      <c r="D975" s="199"/>
      <c r="E975" s="84"/>
      <c r="F975" s="89"/>
      <c r="G975" s="212"/>
      <c r="H975" s="96"/>
      <c r="I975" s="110"/>
      <c r="J975" s="124"/>
      <c r="K975" s="65"/>
      <c r="L975" s="67"/>
    </row>
    <row r="976" spans="2:13" s="70" customFormat="1" ht="16.149999999999999" customHeight="1">
      <c r="B976" s="74"/>
      <c r="C976" s="74" t="s">
        <v>252</v>
      </c>
      <c r="D976" s="200" t="s">
        <v>314</v>
      </c>
      <c r="E976" s="85">
        <v>1</v>
      </c>
      <c r="F976" s="204" t="s">
        <v>40</v>
      </c>
      <c r="G976" s="213"/>
      <c r="H976" s="99"/>
      <c r="I976" s="106"/>
      <c r="J976" s="125"/>
      <c r="K976" s="65"/>
      <c r="L976" s="67"/>
      <c r="M976" s="65"/>
    </row>
    <row r="977" spans="2:13" s="70" customFormat="1" ht="16.149999999999999" customHeight="1">
      <c r="B977" s="163"/>
      <c r="C977" s="130"/>
      <c r="D977" s="130"/>
      <c r="E977" s="84"/>
      <c r="F977" s="89"/>
      <c r="G977" s="215"/>
      <c r="H977" s="96"/>
      <c r="I977" s="133"/>
      <c r="J977" s="123"/>
      <c r="K977" s="65"/>
      <c r="L977" s="67"/>
      <c r="M977" s="65"/>
    </row>
    <row r="978" spans="2:13" s="70" customFormat="1" ht="16.149999999999999" customHeight="1">
      <c r="B978" s="74"/>
      <c r="C978" s="81"/>
      <c r="D978" s="81" t="s">
        <v>315</v>
      </c>
      <c r="E978" s="85">
        <v>1</v>
      </c>
      <c r="F978" s="204" t="s">
        <v>40</v>
      </c>
      <c r="G978" s="215"/>
      <c r="H978" s="99"/>
      <c r="I978" s="133"/>
      <c r="J978" s="125"/>
      <c r="K978" s="65"/>
      <c r="L978" s="67"/>
      <c r="M978" s="67"/>
    </row>
    <row r="979" spans="2:13" s="70" customFormat="1" ht="16.149999999999999" customHeight="1">
      <c r="B979" s="76"/>
      <c r="C979" s="157"/>
      <c r="D979" s="157"/>
      <c r="E979" s="84"/>
      <c r="F979" s="89"/>
      <c r="G979" s="214"/>
      <c r="H979" s="96"/>
      <c r="I979" s="110"/>
      <c r="J979" s="123"/>
      <c r="K979" s="65"/>
      <c r="L979" s="67"/>
      <c r="M979" s="65"/>
    </row>
    <row r="980" spans="2:13" s="70" customFormat="1" ht="16.149999999999999" customHeight="1">
      <c r="B980" s="76"/>
      <c r="C980" s="157"/>
      <c r="D980" s="157"/>
      <c r="E980" s="85"/>
      <c r="F980" s="204"/>
      <c r="G980" s="213"/>
      <c r="H980" s="99"/>
      <c r="I980" s="106"/>
      <c r="J980" s="123"/>
      <c r="K980" s="65"/>
      <c r="L980" s="67"/>
      <c r="M980" s="65"/>
    </row>
    <row r="981" spans="2:13" s="70" customFormat="1" ht="16.149999999999999" customHeight="1">
      <c r="B981" s="71"/>
      <c r="C981" s="80"/>
      <c r="D981" s="80"/>
      <c r="E981" s="84"/>
      <c r="F981" s="80"/>
      <c r="G981" s="214"/>
      <c r="H981" s="96"/>
      <c r="I981" s="110"/>
      <c r="J981" s="124"/>
      <c r="K981" s="65"/>
      <c r="L981" s="67"/>
      <c r="M981" s="65"/>
    </row>
    <row r="982" spans="2:13" s="70" customFormat="1" ht="16.149999999999999" customHeight="1">
      <c r="B982" s="74"/>
      <c r="C982" s="81"/>
      <c r="D982" s="81"/>
      <c r="E982" s="85"/>
      <c r="F982" s="90"/>
      <c r="G982" s="213"/>
      <c r="H982" s="99"/>
      <c r="I982" s="106"/>
      <c r="J982" s="125"/>
      <c r="K982" s="65"/>
      <c r="L982" s="67"/>
      <c r="M982" s="65"/>
    </row>
    <row r="983" spans="2:13" s="70" customFormat="1" ht="16.149999999999999" customHeight="1">
      <c r="B983" s="71"/>
      <c r="C983" s="80"/>
      <c r="D983" s="80"/>
      <c r="E983" s="84"/>
      <c r="F983" s="80"/>
      <c r="G983" s="214"/>
      <c r="H983" s="96"/>
      <c r="I983" s="229"/>
      <c r="J983" s="124"/>
      <c r="K983" s="65"/>
      <c r="L983" s="67"/>
      <c r="M983" s="65"/>
    </row>
    <row r="984" spans="2:13" s="70" customFormat="1" ht="16.149999999999999" customHeight="1">
      <c r="B984" s="74"/>
      <c r="C984" s="81"/>
      <c r="D984" s="81"/>
      <c r="E984" s="85"/>
      <c r="F984" s="90"/>
      <c r="G984" s="213"/>
      <c r="H984" s="99"/>
      <c r="I984" s="106"/>
      <c r="J984" s="125"/>
      <c r="K984" s="65"/>
      <c r="L984" s="67"/>
      <c r="M984" s="65"/>
    </row>
    <row r="985" spans="2:13" s="70" customFormat="1" ht="16.149999999999999" customHeight="1">
      <c r="B985" s="71"/>
      <c r="C985" s="80"/>
      <c r="D985" s="80"/>
      <c r="E985" s="84"/>
      <c r="F985" s="80"/>
      <c r="G985" s="214"/>
      <c r="H985" s="96"/>
      <c r="I985" s="133"/>
      <c r="J985" s="124"/>
      <c r="K985" s="65"/>
      <c r="L985" s="67"/>
      <c r="M985" s="65"/>
    </row>
    <row r="986" spans="2:13" s="70" customFormat="1" ht="16.149999999999999" customHeight="1">
      <c r="B986" s="74"/>
      <c r="C986" s="81"/>
      <c r="D986" s="81"/>
      <c r="E986" s="85"/>
      <c r="F986" s="90"/>
      <c r="G986" s="213"/>
      <c r="H986" s="99"/>
      <c r="I986" s="106"/>
      <c r="J986" s="125"/>
      <c r="K986" s="65"/>
      <c r="L986" s="67"/>
      <c r="M986" s="65"/>
    </row>
    <row r="987" spans="2:13" s="70" customFormat="1" ht="16.149999999999999" customHeight="1">
      <c r="B987" s="71"/>
      <c r="C987" s="80"/>
      <c r="D987" s="80"/>
      <c r="E987" s="84"/>
      <c r="F987" s="80"/>
      <c r="G987" s="214"/>
      <c r="H987" s="96"/>
      <c r="I987" s="110"/>
      <c r="J987" s="123"/>
      <c r="K987" s="65"/>
      <c r="L987" s="67"/>
      <c r="M987" s="65"/>
    </row>
    <row r="988" spans="2:13" s="70" customFormat="1" ht="16.149999999999999" customHeight="1">
      <c r="B988" s="74"/>
      <c r="C988" s="81"/>
      <c r="D988" s="81"/>
      <c r="E988" s="85"/>
      <c r="F988" s="90"/>
      <c r="G988" s="213"/>
      <c r="H988" s="99"/>
      <c r="I988" s="106"/>
      <c r="J988" s="123"/>
      <c r="K988" s="65"/>
      <c r="L988" s="67"/>
      <c r="M988" s="65"/>
    </row>
    <row r="989" spans="2:13" s="70" customFormat="1" ht="16.149999999999999" customHeight="1">
      <c r="B989" s="75" t="s">
        <v>41</v>
      </c>
      <c r="C989" s="80"/>
      <c r="D989" s="80"/>
      <c r="E989" s="84"/>
      <c r="F989" s="80"/>
      <c r="G989" s="214"/>
      <c r="H989" s="96"/>
      <c r="I989" s="110"/>
      <c r="J989" s="124"/>
      <c r="K989" s="65"/>
      <c r="L989" s="67"/>
    </row>
    <row r="990" spans="2:13" s="70" customFormat="1" ht="16.149999999999999" customHeight="1">
      <c r="B990" s="74"/>
      <c r="C990" s="81"/>
      <c r="D990" s="81"/>
      <c r="E990" s="85"/>
      <c r="F990" s="90"/>
      <c r="G990" s="213"/>
      <c r="H990" s="99"/>
      <c r="I990" s="106"/>
      <c r="J990" s="125"/>
      <c r="K990" s="65"/>
      <c r="L990" s="67"/>
    </row>
    <row r="991" spans="2:13" ht="21" customHeight="1">
      <c r="B991" s="65" t="s">
        <v>343</v>
      </c>
      <c r="G991" s="207"/>
      <c r="M991" s="70"/>
    </row>
    <row r="992" spans="2:13" ht="25.5" customHeight="1">
      <c r="B992" s="71" t="s">
        <v>366</v>
      </c>
      <c r="C992" s="77" t="s">
        <v>85</v>
      </c>
      <c r="D992" s="77"/>
      <c r="E992" s="82"/>
      <c r="F992" s="77"/>
      <c r="G992" s="208"/>
      <c r="H992" s="97" t="s">
        <v>77</v>
      </c>
      <c r="I992" s="101"/>
      <c r="J992" s="113"/>
      <c r="M992" s="70"/>
    </row>
    <row r="993" spans="2:13" s="67" customFormat="1" ht="22.5" customHeight="1">
      <c r="B993" s="72" t="s">
        <v>9</v>
      </c>
      <c r="C993" s="72" t="s">
        <v>73</v>
      </c>
      <c r="D993" s="114"/>
      <c r="E993" s="83" t="s">
        <v>20</v>
      </c>
      <c r="F993" s="88" t="s">
        <v>26</v>
      </c>
      <c r="G993" s="209" t="s">
        <v>30</v>
      </c>
      <c r="H993" s="98" t="s">
        <v>11</v>
      </c>
      <c r="I993" s="72" t="s">
        <v>23</v>
      </c>
      <c r="J993" s="114"/>
      <c r="L993" s="69"/>
      <c r="M993" s="70"/>
    </row>
    <row r="994" spans="2:13" ht="16.149999999999999" customHeight="1">
      <c r="B994" s="71" t="s">
        <v>19</v>
      </c>
      <c r="C994" s="80" t="s">
        <v>342</v>
      </c>
      <c r="D994" s="80"/>
      <c r="E994" s="84"/>
      <c r="F994" s="89"/>
      <c r="G994" s="214"/>
      <c r="H994" s="100"/>
      <c r="I994" s="110"/>
      <c r="J994" s="121"/>
      <c r="L994" s="67"/>
      <c r="M994" s="70"/>
    </row>
    <row r="995" spans="2:13" ht="16.149999999999999" customHeight="1">
      <c r="B995" s="74"/>
      <c r="C995" s="179"/>
      <c r="D995" s="81"/>
      <c r="E995" s="85">
        <v>1</v>
      </c>
      <c r="F995" s="90" t="s">
        <v>40</v>
      </c>
      <c r="G995" s="211"/>
      <c r="H995" s="99"/>
      <c r="I995" s="106"/>
      <c r="J995" s="122"/>
      <c r="L995" s="67"/>
      <c r="M995" s="70"/>
    </row>
    <row r="996" spans="2:13" ht="16.149999999999999" customHeight="1">
      <c r="B996" s="163"/>
      <c r="C996" s="80"/>
      <c r="D996" s="80"/>
      <c r="E996" s="84"/>
      <c r="F996" s="89"/>
      <c r="G996" s="214"/>
      <c r="H996" s="96"/>
      <c r="I996" s="110"/>
      <c r="J996" s="121"/>
      <c r="L996" s="67"/>
      <c r="M996" s="70"/>
    </row>
    <row r="997" spans="2:13" ht="16.149999999999999" customHeight="1">
      <c r="B997" s="74"/>
      <c r="C997" s="81"/>
      <c r="D997" s="81"/>
      <c r="E997" s="85"/>
      <c r="F997" s="90"/>
      <c r="G997" s="213"/>
      <c r="H997" s="99"/>
      <c r="I997" s="106"/>
      <c r="J997" s="122"/>
      <c r="L997" s="67"/>
      <c r="M997" s="70"/>
    </row>
    <row r="998" spans="2:13" ht="16.149999999999999" customHeight="1">
      <c r="B998" s="75"/>
      <c r="C998" s="178"/>
      <c r="D998" s="178"/>
      <c r="E998" s="84"/>
      <c r="F998" s="89"/>
      <c r="G998" s="214"/>
      <c r="H998" s="96"/>
      <c r="I998" s="110"/>
      <c r="J998" s="121"/>
      <c r="L998" s="67"/>
      <c r="M998" s="70"/>
    </row>
    <row r="999" spans="2:13" ht="16.149999999999999" customHeight="1">
      <c r="B999" s="74"/>
      <c r="C999" s="81"/>
      <c r="D999" s="81"/>
      <c r="E999" s="85"/>
      <c r="F999" s="90"/>
      <c r="G999" s="213"/>
      <c r="H999" s="99"/>
      <c r="I999" s="106"/>
      <c r="J999" s="122"/>
      <c r="L999" s="67"/>
      <c r="M999" s="70"/>
    </row>
    <row r="1000" spans="2:13" ht="16.149999999999999" customHeight="1">
      <c r="B1000" s="163"/>
      <c r="C1000" s="178"/>
      <c r="D1000" s="178"/>
      <c r="E1000" s="84"/>
      <c r="F1000" s="89"/>
      <c r="G1000" s="214"/>
      <c r="H1000" s="96"/>
      <c r="I1000" s="110"/>
      <c r="J1000" s="121"/>
      <c r="L1000" s="67"/>
      <c r="M1000" s="70"/>
    </row>
    <row r="1001" spans="2:13" ht="16.149999999999999" customHeight="1">
      <c r="B1001" s="74"/>
      <c r="C1001" s="81"/>
      <c r="D1001" s="81"/>
      <c r="E1001" s="85"/>
      <c r="F1001" s="90"/>
      <c r="G1001" s="213"/>
      <c r="H1001" s="99"/>
      <c r="I1001" s="106"/>
      <c r="J1001" s="122"/>
      <c r="L1001" s="67"/>
      <c r="M1001" s="70"/>
    </row>
    <row r="1002" spans="2:13" ht="16.149999999999999" customHeight="1">
      <c r="B1002" s="71"/>
      <c r="C1002" s="80"/>
      <c r="D1002" s="80"/>
      <c r="E1002" s="84"/>
      <c r="F1002" s="89"/>
      <c r="G1002" s="214"/>
      <c r="H1002" s="96"/>
      <c r="I1002" s="110"/>
      <c r="J1002" s="121"/>
      <c r="L1002" s="67"/>
      <c r="M1002" s="70"/>
    </row>
    <row r="1003" spans="2:13" ht="16.149999999999999" customHeight="1">
      <c r="B1003" s="74"/>
      <c r="C1003" s="81"/>
      <c r="D1003" s="81"/>
      <c r="E1003" s="85"/>
      <c r="F1003" s="90"/>
      <c r="G1003" s="213"/>
      <c r="H1003" s="99"/>
      <c r="I1003" s="106"/>
      <c r="J1003" s="122"/>
      <c r="L1003" s="67"/>
      <c r="M1003" s="70"/>
    </row>
    <row r="1004" spans="2:13" s="70" customFormat="1" ht="16.149999999999999" customHeight="1">
      <c r="B1004" s="163"/>
      <c r="C1004" s="80"/>
      <c r="D1004" s="80"/>
      <c r="E1004" s="84"/>
      <c r="F1004" s="89"/>
      <c r="G1004" s="214"/>
      <c r="H1004" s="96"/>
      <c r="I1004" s="110"/>
      <c r="J1004" s="121"/>
      <c r="K1004" s="65"/>
      <c r="L1004" s="67"/>
    </row>
    <row r="1005" spans="2:13" s="70" customFormat="1" ht="16.149999999999999" customHeight="1">
      <c r="B1005" s="74"/>
      <c r="C1005" s="81"/>
      <c r="D1005" s="81"/>
      <c r="E1005" s="85"/>
      <c r="F1005" s="90"/>
      <c r="G1005" s="213"/>
      <c r="H1005" s="99"/>
      <c r="I1005" s="106"/>
      <c r="J1005" s="122"/>
      <c r="K1005" s="65"/>
      <c r="L1005" s="67"/>
    </row>
    <row r="1006" spans="2:13" s="70" customFormat="1" ht="16.149999999999999" customHeight="1">
      <c r="B1006" s="71"/>
      <c r="C1006" s="80"/>
      <c r="D1006" s="80"/>
      <c r="E1006" s="84"/>
      <c r="F1006" s="89"/>
      <c r="G1006" s="214"/>
      <c r="H1006" s="96"/>
      <c r="I1006" s="230"/>
      <c r="J1006" s="121"/>
      <c r="K1006" s="65"/>
      <c r="L1006" s="67"/>
    </row>
    <row r="1007" spans="2:13" s="70" customFormat="1" ht="16.149999999999999" customHeight="1">
      <c r="B1007" s="74"/>
      <c r="C1007" s="81"/>
      <c r="D1007" s="81"/>
      <c r="E1007" s="85"/>
      <c r="F1007" s="90"/>
      <c r="G1007" s="213"/>
      <c r="H1007" s="99"/>
      <c r="I1007" s="225"/>
      <c r="J1007" s="122"/>
      <c r="K1007" s="65"/>
      <c r="L1007" s="67"/>
    </row>
    <row r="1008" spans="2:13" s="70" customFormat="1" ht="16.149999999999999" customHeight="1">
      <c r="B1008" s="163"/>
      <c r="C1008" s="130"/>
      <c r="D1008" s="130"/>
      <c r="E1008" s="84"/>
      <c r="F1008" s="94"/>
      <c r="G1008" s="212"/>
      <c r="H1008" s="96"/>
      <c r="I1008" s="110"/>
      <c r="J1008" s="124"/>
      <c r="K1008" s="65"/>
      <c r="L1008" s="67"/>
    </row>
    <row r="1009" spans="2:13" s="70" customFormat="1" ht="16.149999999999999" customHeight="1">
      <c r="B1009" s="74"/>
      <c r="C1009" s="81"/>
      <c r="D1009" s="81"/>
      <c r="E1009" s="85"/>
      <c r="F1009" s="93"/>
      <c r="G1009" s="213"/>
      <c r="H1009" s="99"/>
      <c r="I1009" s="106"/>
      <c r="J1009" s="125"/>
      <c r="K1009" s="65"/>
      <c r="L1009" s="67"/>
      <c r="M1009" s="65"/>
    </row>
    <row r="1010" spans="2:13" s="70" customFormat="1" ht="16.149999999999999" customHeight="1">
      <c r="B1010" s="76"/>
      <c r="C1010" s="157"/>
      <c r="D1010" s="157"/>
      <c r="E1010" s="86"/>
      <c r="F1010" s="206"/>
      <c r="G1010" s="215"/>
      <c r="H1010" s="100"/>
      <c r="I1010" s="133"/>
      <c r="J1010" s="123"/>
      <c r="K1010" s="65"/>
      <c r="L1010" s="67"/>
      <c r="M1010" s="65"/>
    </row>
    <row r="1011" spans="2:13" s="70" customFormat="1" ht="16.149999999999999" customHeight="1">
      <c r="B1011" s="76"/>
      <c r="C1011" s="157"/>
      <c r="D1011" s="157"/>
      <c r="E1011" s="86"/>
      <c r="F1011" s="206"/>
      <c r="G1011" s="215"/>
      <c r="H1011" s="100"/>
      <c r="I1011" s="133"/>
      <c r="J1011" s="125"/>
      <c r="K1011" s="65"/>
      <c r="L1011" s="67"/>
      <c r="M1011" s="65"/>
    </row>
    <row r="1012" spans="2:13" s="70" customFormat="1" ht="16.149999999999999" customHeight="1">
      <c r="B1012" s="71"/>
      <c r="C1012" s="80"/>
      <c r="D1012" s="80"/>
      <c r="E1012" s="84"/>
      <c r="F1012" s="80"/>
      <c r="G1012" s="214"/>
      <c r="H1012" s="96"/>
      <c r="I1012" s="110"/>
      <c r="J1012" s="123"/>
      <c r="K1012" s="65"/>
      <c r="L1012" s="67"/>
      <c r="M1012" s="65"/>
    </row>
    <row r="1013" spans="2:13" s="70" customFormat="1" ht="16.149999999999999" customHeight="1">
      <c r="B1013" s="74"/>
      <c r="C1013" s="81"/>
      <c r="D1013" s="81"/>
      <c r="E1013" s="85"/>
      <c r="F1013" s="90"/>
      <c r="G1013" s="213"/>
      <c r="H1013" s="99"/>
      <c r="I1013" s="106"/>
      <c r="J1013" s="123"/>
      <c r="K1013" s="65"/>
      <c r="L1013" s="67"/>
      <c r="M1013" s="65"/>
    </row>
    <row r="1014" spans="2:13" s="70" customFormat="1" ht="16.149999999999999" customHeight="1">
      <c r="B1014" s="71"/>
      <c r="C1014" s="80"/>
      <c r="D1014" s="80"/>
      <c r="E1014" s="84"/>
      <c r="F1014" s="80"/>
      <c r="G1014" s="214"/>
      <c r="H1014" s="96"/>
      <c r="I1014" s="110"/>
      <c r="J1014" s="124"/>
      <c r="K1014" s="65"/>
      <c r="L1014" s="67"/>
      <c r="M1014" s="65"/>
    </row>
    <row r="1015" spans="2:13" s="70" customFormat="1" ht="16.149999999999999" customHeight="1">
      <c r="B1015" s="74"/>
      <c r="C1015" s="81"/>
      <c r="D1015" s="81"/>
      <c r="E1015" s="85"/>
      <c r="F1015" s="90"/>
      <c r="G1015" s="213"/>
      <c r="H1015" s="99"/>
      <c r="I1015" s="106"/>
      <c r="J1015" s="125"/>
      <c r="K1015" s="65"/>
      <c r="L1015" s="67"/>
      <c r="M1015" s="65"/>
    </row>
    <row r="1016" spans="2:13" s="70" customFormat="1" ht="16.149999999999999" customHeight="1">
      <c r="B1016" s="71"/>
      <c r="C1016" s="80"/>
      <c r="D1016" s="80"/>
      <c r="E1016" s="84"/>
      <c r="F1016" s="80"/>
      <c r="G1016" s="214"/>
      <c r="H1016" s="96"/>
      <c r="I1016" s="229"/>
      <c r="J1016" s="124"/>
      <c r="K1016" s="65"/>
      <c r="L1016" s="67"/>
      <c r="M1016" s="65"/>
    </row>
    <row r="1017" spans="2:13" s="70" customFormat="1" ht="16.149999999999999" customHeight="1">
      <c r="B1017" s="74"/>
      <c r="C1017" s="81"/>
      <c r="D1017" s="81"/>
      <c r="E1017" s="85"/>
      <c r="F1017" s="90"/>
      <c r="G1017" s="213"/>
      <c r="H1017" s="99"/>
      <c r="I1017" s="106"/>
      <c r="J1017" s="125"/>
      <c r="K1017" s="65"/>
      <c r="L1017" s="67"/>
      <c r="M1017" s="65"/>
    </row>
    <row r="1018" spans="2:13" s="70" customFormat="1" ht="16.149999999999999" customHeight="1">
      <c r="B1018" s="71"/>
      <c r="C1018" s="80"/>
      <c r="D1018" s="80"/>
      <c r="E1018" s="84"/>
      <c r="F1018" s="80"/>
      <c r="G1018" s="214"/>
      <c r="H1018" s="96"/>
      <c r="I1018" s="133"/>
      <c r="J1018" s="124"/>
      <c r="K1018" s="65"/>
      <c r="L1018" s="67"/>
      <c r="M1018" s="65"/>
    </row>
    <row r="1019" spans="2:13" s="70" customFormat="1" ht="16.149999999999999" customHeight="1">
      <c r="B1019" s="74"/>
      <c r="C1019" s="81"/>
      <c r="D1019" s="81"/>
      <c r="E1019" s="85"/>
      <c r="F1019" s="90"/>
      <c r="G1019" s="213"/>
      <c r="H1019" s="99"/>
      <c r="I1019" s="106"/>
      <c r="J1019" s="125"/>
      <c r="K1019" s="65"/>
      <c r="L1019" s="67"/>
      <c r="M1019" s="65"/>
    </row>
    <row r="1020" spans="2:13" s="70" customFormat="1" ht="16.149999999999999" customHeight="1">
      <c r="B1020" s="71"/>
      <c r="C1020" s="80"/>
      <c r="D1020" s="80"/>
      <c r="E1020" s="84"/>
      <c r="F1020" s="80"/>
      <c r="G1020" s="214"/>
      <c r="H1020" s="96"/>
      <c r="I1020" s="110"/>
      <c r="J1020" s="123"/>
      <c r="K1020" s="65"/>
      <c r="L1020" s="67"/>
      <c r="M1020" s="65"/>
    </row>
    <row r="1021" spans="2:13" s="70" customFormat="1" ht="16.149999999999999" customHeight="1">
      <c r="B1021" s="74"/>
      <c r="C1021" s="81"/>
      <c r="D1021" s="81"/>
      <c r="E1021" s="85"/>
      <c r="F1021" s="90"/>
      <c r="G1021" s="213"/>
      <c r="H1021" s="99"/>
      <c r="I1021" s="106"/>
      <c r="J1021" s="123"/>
      <c r="K1021" s="65"/>
      <c r="L1021" s="67"/>
      <c r="M1021" s="65"/>
    </row>
    <row r="1022" spans="2:13" s="70" customFormat="1" ht="16.149999999999999" customHeight="1">
      <c r="B1022" s="75" t="s">
        <v>41</v>
      </c>
      <c r="C1022" s="80"/>
      <c r="D1022" s="80"/>
      <c r="E1022" s="84"/>
      <c r="F1022" s="80"/>
      <c r="G1022" s="214"/>
      <c r="H1022" s="96"/>
      <c r="I1022" s="110"/>
      <c r="J1022" s="124"/>
      <c r="K1022" s="65"/>
      <c r="L1022" s="67"/>
      <c r="M1022" s="65"/>
    </row>
    <row r="1023" spans="2:13" s="70" customFormat="1" ht="16.149999999999999" customHeight="1">
      <c r="B1023" s="74"/>
      <c r="C1023" s="81"/>
      <c r="D1023" s="81"/>
      <c r="E1023" s="85"/>
      <c r="F1023" s="90"/>
      <c r="G1023" s="213"/>
      <c r="H1023" s="99"/>
      <c r="I1023" s="106"/>
      <c r="J1023" s="125"/>
      <c r="K1023" s="65"/>
      <c r="L1023" s="67"/>
      <c r="M1023" s="65"/>
    </row>
    <row r="1024" spans="2:13" ht="21" customHeight="1">
      <c r="B1024" s="65" t="s">
        <v>343</v>
      </c>
      <c r="G1024" s="207"/>
      <c r="M1024" s="70"/>
    </row>
    <row r="1025" spans="2:13" ht="25.5" customHeight="1">
      <c r="B1025" s="71" t="s">
        <v>366</v>
      </c>
      <c r="C1025" s="77" t="s">
        <v>245</v>
      </c>
      <c r="D1025" s="77"/>
      <c r="E1025" s="82"/>
      <c r="F1025" s="77"/>
      <c r="G1025" s="208"/>
      <c r="H1025" s="97" t="s">
        <v>339</v>
      </c>
      <c r="I1025" s="101"/>
      <c r="J1025" s="113"/>
      <c r="M1025" s="70"/>
    </row>
    <row r="1026" spans="2:13" s="67" customFormat="1" ht="22.5" customHeight="1">
      <c r="B1026" s="72" t="s">
        <v>9</v>
      </c>
      <c r="C1026" s="72" t="s">
        <v>73</v>
      </c>
      <c r="D1026" s="114"/>
      <c r="E1026" s="83" t="s">
        <v>20</v>
      </c>
      <c r="F1026" s="88" t="s">
        <v>26</v>
      </c>
      <c r="G1026" s="209" t="s">
        <v>30</v>
      </c>
      <c r="H1026" s="98" t="s">
        <v>11</v>
      </c>
      <c r="I1026" s="72" t="s">
        <v>23</v>
      </c>
      <c r="J1026" s="114"/>
      <c r="L1026" s="69"/>
      <c r="M1026" s="70"/>
    </row>
    <row r="1027" spans="2:13" ht="16.149999999999999" customHeight="1">
      <c r="B1027" s="71" t="s">
        <v>317</v>
      </c>
      <c r="C1027" s="80"/>
      <c r="D1027" s="80"/>
      <c r="E1027" s="84"/>
      <c r="F1027" s="89"/>
      <c r="G1027" s="214"/>
      <c r="H1027" s="96"/>
      <c r="I1027" s="110"/>
      <c r="J1027" s="121"/>
      <c r="L1027" s="67"/>
      <c r="M1027" s="70"/>
    </row>
    <row r="1028" spans="2:13" ht="16.149999999999999" customHeight="1">
      <c r="B1028" s="74"/>
      <c r="C1028" s="179"/>
      <c r="D1028" s="81"/>
      <c r="E1028" s="85">
        <v>1</v>
      </c>
      <c r="F1028" s="90" t="s">
        <v>40</v>
      </c>
      <c r="G1028" s="213"/>
      <c r="H1028" s="99"/>
      <c r="I1028" s="106"/>
      <c r="J1028" s="122"/>
      <c r="L1028" s="67"/>
      <c r="M1028" s="70"/>
    </row>
    <row r="1029" spans="2:13" ht="16.149999999999999" customHeight="1">
      <c r="B1029" s="164" t="s">
        <v>318</v>
      </c>
      <c r="C1029" s="80"/>
      <c r="D1029" s="80"/>
      <c r="E1029" s="84"/>
      <c r="F1029" s="89"/>
      <c r="G1029" s="214"/>
      <c r="H1029" s="96"/>
      <c r="I1029" s="110"/>
      <c r="J1029" s="121"/>
      <c r="L1029" s="67"/>
      <c r="M1029" s="70"/>
    </row>
    <row r="1030" spans="2:13" ht="16.149999999999999" customHeight="1">
      <c r="B1030" s="74"/>
      <c r="C1030" s="81"/>
      <c r="D1030" s="81"/>
      <c r="E1030" s="85">
        <v>1</v>
      </c>
      <c r="F1030" s="90" t="s">
        <v>40</v>
      </c>
      <c r="G1030" s="213"/>
      <c r="H1030" s="99"/>
      <c r="I1030" s="106"/>
      <c r="J1030" s="122"/>
      <c r="L1030" s="67"/>
      <c r="M1030" s="70"/>
    </row>
    <row r="1031" spans="2:13" ht="16.149999999999999" customHeight="1">
      <c r="B1031" s="75"/>
      <c r="C1031" s="178"/>
      <c r="D1031" s="178"/>
      <c r="E1031" s="84"/>
      <c r="F1031" s="89"/>
      <c r="G1031" s="214"/>
      <c r="H1031" s="96"/>
      <c r="I1031" s="110"/>
      <c r="J1031" s="121"/>
      <c r="L1031" s="67"/>
      <c r="M1031" s="70"/>
    </row>
    <row r="1032" spans="2:13" ht="16.149999999999999" customHeight="1">
      <c r="B1032" s="74"/>
      <c r="C1032" s="81"/>
      <c r="D1032" s="81"/>
      <c r="E1032" s="85"/>
      <c r="F1032" s="90"/>
      <c r="G1032" s="213"/>
      <c r="H1032" s="99"/>
      <c r="I1032" s="106"/>
      <c r="J1032" s="122"/>
      <c r="L1032" s="67"/>
      <c r="M1032" s="70"/>
    </row>
    <row r="1033" spans="2:13" ht="16.149999999999999" customHeight="1">
      <c r="B1033" s="163"/>
      <c r="C1033" s="178"/>
      <c r="D1033" s="178"/>
      <c r="E1033" s="84"/>
      <c r="F1033" s="89"/>
      <c r="G1033" s="214"/>
      <c r="H1033" s="96"/>
      <c r="I1033" s="110"/>
      <c r="J1033" s="121"/>
      <c r="L1033" s="67"/>
      <c r="M1033" s="70"/>
    </row>
    <row r="1034" spans="2:13" ht="16.149999999999999" customHeight="1">
      <c r="B1034" s="74"/>
      <c r="C1034" s="81"/>
      <c r="D1034" s="81"/>
      <c r="E1034" s="85"/>
      <c r="F1034" s="90"/>
      <c r="G1034" s="213"/>
      <c r="H1034" s="99"/>
      <c r="I1034" s="106"/>
      <c r="J1034" s="122"/>
      <c r="L1034" s="67"/>
      <c r="M1034" s="70"/>
    </row>
    <row r="1035" spans="2:13" ht="16.149999999999999" customHeight="1">
      <c r="B1035" s="71"/>
      <c r="C1035" s="80"/>
      <c r="D1035" s="80"/>
      <c r="E1035" s="84"/>
      <c r="F1035" s="89"/>
      <c r="G1035" s="214"/>
      <c r="H1035" s="96"/>
      <c r="I1035" s="110"/>
      <c r="J1035" s="121"/>
      <c r="L1035" s="67"/>
      <c r="M1035" s="70"/>
    </row>
    <row r="1036" spans="2:13" ht="16.149999999999999" customHeight="1">
      <c r="B1036" s="74"/>
      <c r="C1036" s="81"/>
      <c r="D1036" s="81"/>
      <c r="E1036" s="85"/>
      <c r="F1036" s="90"/>
      <c r="G1036" s="213"/>
      <c r="H1036" s="99"/>
      <c r="I1036" s="106"/>
      <c r="J1036" s="122"/>
      <c r="L1036" s="67"/>
      <c r="M1036" s="70"/>
    </row>
    <row r="1037" spans="2:13" s="70" customFormat="1" ht="16.149999999999999" customHeight="1">
      <c r="B1037" s="163"/>
      <c r="C1037" s="80"/>
      <c r="D1037" s="80"/>
      <c r="E1037" s="84"/>
      <c r="F1037" s="89"/>
      <c r="G1037" s="214"/>
      <c r="H1037" s="96"/>
      <c r="I1037" s="110"/>
      <c r="J1037" s="121"/>
      <c r="K1037" s="65"/>
      <c r="L1037" s="67"/>
    </row>
    <row r="1038" spans="2:13" s="70" customFormat="1" ht="16.149999999999999" customHeight="1">
      <c r="B1038" s="74"/>
      <c r="C1038" s="81"/>
      <c r="D1038" s="81"/>
      <c r="E1038" s="85"/>
      <c r="F1038" s="90"/>
      <c r="G1038" s="213"/>
      <c r="H1038" s="99"/>
      <c r="I1038" s="106"/>
      <c r="J1038" s="122"/>
      <c r="K1038" s="65"/>
      <c r="L1038" s="67"/>
    </row>
    <row r="1039" spans="2:13" s="70" customFormat="1" ht="16.149999999999999" customHeight="1">
      <c r="B1039" s="71"/>
      <c r="C1039" s="80"/>
      <c r="D1039" s="80"/>
      <c r="E1039" s="84"/>
      <c r="F1039" s="89"/>
      <c r="G1039" s="214"/>
      <c r="H1039" s="96"/>
      <c r="I1039" s="230"/>
      <c r="J1039" s="121"/>
      <c r="K1039" s="65"/>
      <c r="L1039" s="67"/>
    </row>
    <row r="1040" spans="2:13" s="70" customFormat="1" ht="16.149999999999999" customHeight="1">
      <c r="B1040" s="74"/>
      <c r="C1040" s="81"/>
      <c r="D1040" s="81"/>
      <c r="E1040" s="85"/>
      <c r="F1040" s="90"/>
      <c r="G1040" s="213"/>
      <c r="H1040" s="99"/>
      <c r="I1040" s="225"/>
      <c r="J1040" s="122"/>
      <c r="K1040" s="65"/>
      <c r="L1040" s="67"/>
    </row>
    <row r="1041" spans="2:13" s="70" customFormat="1" ht="16.149999999999999" customHeight="1">
      <c r="B1041" s="163"/>
      <c r="C1041" s="130"/>
      <c r="D1041" s="130"/>
      <c r="E1041" s="84"/>
      <c r="F1041" s="94"/>
      <c r="G1041" s="212"/>
      <c r="H1041" s="96"/>
      <c r="I1041" s="110"/>
      <c r="J1041" s="124"/>
      <c r="K1041" s="65"/>
      <c r="L1041" s="67"/>
    </row>
    <row r="1042" spans="2:13" s="70" customFormat="1" ht="16.149999999999999" customHeight="1">
      <c r="B1042" s="74"/>
      <c r="C1042" s="81"/>
      <c r="D1042" s="81"/>
      <c r="E1042" s="85"/>
      <c r="F1042" s="93"/>
      <c r="G1042" s="213"/>
      <c r="H1042" s="99"/>
      <c r="I1042" s="106"/>
      <c r="J1042" s="125"/>
      <c r="K1042" s="65"/>
      <c r="L1042" s="67"/>
      <c r="M1042" s="65"/>
    </row>
    <row r="1043" spans="2:13" s="70" customFormat="1" ht="16.149999999999999" customHeight="1">
      <c r="B1043" s="76"/>
      <c r="C1043" s="157"/>
      <c r="D1043" s="157"/>
      <c r="E1043" s="86"/>
      <c r="F1043" s="206"/>
      <c r="G1043" s="215"/>
      <c r="H1043" s="100"/>
      <c r="I1043" s="133"/>
      <c r="J1043" s="123"/>
      <c r="K1043" s="65"/>
      <c r="L1043" s="67"/>
      <c r="M1043" s="65"/>
    </row>
    <row r="1044" spans="2:13" s="70" customFormat="1" ht="16.149999999999999" customHeight="1">
      <c r="B1044" s="76"/>
      <c r="C1044" s="157"/>
      <c r="D1044" s="157"/>
      <c r="E1044" s="86"/>
      <c r="F1044" s="206"/>
      <c r="G1044" s="215"/>
      <c r="H1044" s="100"/>
      <c r="I1044" s="133"/>
      <c r="J1044" s="125"/>
      <c r="K1044" s="65"/>
      <c r="L1044" s="67"/>
      <c r="M1044" s="65"/>
    </row>
    <row r="1045" spans="2:13" s="70" customFormat="1" ht="16.149999999999999" customHeight="1">
      <c r="B1045" s="71"/>
      <c r="C1045" s="80"/>
      <c r="D1045" s="80"/>
      <c r="E1045" s="84"/>
      <c r="F1045" s="80"/>
      <c r="G1045" s="214"/>
      <c r="H1045" s="96"/>
      <c r="I1045" s="110"/>
      <c r="J1045" s="123"/>
      <c r="K1045" s="65"/>
      <c r="L1045" s="67"/>
      <c r="M1045" s="65"/>
    </row>
    <row r="1046" spans="2:13" s="70" customFormat="1" ht="16.149999999999999" customHeight="1">
      <c r="B1046" s="74"/>
      <c r="C1046" s="81"/>
      <c r="D1046" s="81"/>
      <c r="E1046" s="85"/>
      <c r="F1046" s="90"/>
      <c r="G1046" s="213"/>
      <c r="H1046" s="99"/>
      <c r="I1046" s="106"/>
      <c r="J1046" s="123"/>
      <c r="K1046" s="65"/>
      <c r="L1046" s="67"/>
      <c r="M1046" s="65"/>
    </row>
    <row r="1047" spans="2:13" s="70" customFormat="1" ht="16.149999999999999" customHeight="1">
      <c r="B1047" s="71"/>
      <c r="C1047" s="80"/>
      <c r="D1047" s="80"/>
      <c r="E1047" s="84"/>
      <c r="F1047" s="80"/>
      <c r="G1047" s="214"/>
      <c r="H1047" s="96"/>
      <c r="I1047" s="110"/>
      <c r="J1047" s="124"/>
      <c r="K1047" s="65"/>
      <c r="L1047" s="67"/>
      <c r="M1047" s="65"/>
    </row>
    <row r="1048" spans="2:13" s="70" customFormat="1" ht="16.149999999999999" customHeight="1">
      <c r="B1048" s="74"/>
      <c r="C1048" s="81"/>
      <c r="D1048" s="81"/>
      <c r="E1048" s="85"/>
      <c r="F1048" s="90"/>
      <c r="G1048" s="213"/>
      <c r="H1048" s="99"/>
      <c r="I1048" s="106"/>
      <c r="J1048" s="125"/>
      <c r="K1048" s="65"/>
      <c r="L1048" s="67"/>
      <c r="M1048" s="65"/>
    </row>
    <row r="1049" spans="2:13" s="70" customFormat="1" ht="16.149999999999999" customHeight="1">
      <c r="B1049" s="71"/>
      <c r="C1049" s="80"/>
      <c r="D1049" s="80"/>
      <c r="E1049" s="84"/>
      <c r="F1049" s="80"/>
      <c r="G1049" s="214"/>
      <c r="H1049" s="96"/>
      <c r="I1049" s="229"/>
      <c r="J1049" s="124"/>
      <c r="K1049" s="65"/>
      <c r="L1049" s="67"/>
      <c r="M1049" s="65"/>
    </row>
    <row r="1050" spans="2:13" s="70" customFormat="1" ht="16.149999999999999" customHeight="1">
      <c r="B1050" s="74"/>
      <c r="C1050" s="81"/>
      <c r="D1050" s="81"/>
      <c r="E1050" s="85"/>
      <c r="F1050" s="90"/>
      <c r="G1050" s="213"/>
      <c r="H1050" s="99"/>
      <c r="I1050" s="106"/>
      <c r="J1050" s="125"/>
      <c r="K1050" s="65"/>
      <c r="L1050" s="67"/>
      <c r="M1050" s="65"/>
    </row>
    <row r="1051" spans="2:13" s="70" customFormat="1" ht="16.149999999999999" customHeight="1">
      <c r="B1051" s="71"/>
      <c r="C1051" s="80"/>
      <c r="D1051" s="80"/>
      <c r="E1051" s="84"/>
      <c r="F1051" s="80"/>
      <c r="G1051" s="214"/>
      <c r="H1051" s="96"/>
      <c r="I1051" s="133"/>
      <c r="J1051" s="124"/>
      <c r="K1051" s="65"/>
      <c r="L1051" s="67"/>
      <c r="M1051" s="65"/>
    </row>
    <row r="1052" spans="2:13" s="70" customFormat="1" ht="16.149999999999999" customHeight="1">
      <c r="B1052" s="74"/>
      <c r="C1052" s="81"/>
      <c r="D1052" s="81"/>
      <c r="E1052" s="85"/>
      <c r="F1052" s="90"/>
      <c r="G1052" s="213"/>
      <c r="H1052" s="99"/>
      <c r="I1052" s="106"/>
      <c r="J1052" s="125"/>
      <c r="K1052" s="65"/>
      <c r="L1052" s="67"/>
      <c r="M1052" s="65"/>
    </row>
    <row r="1053" spans="2:13" s="70" customFormat="1" ht="16.149999999999999" customHeight="1">
      <c r="B1053" s="71"/>
      <c r="C1053" s="80"/>
      <c r="D1053" s="80"/>
      <c r="E1053" s="84"/>
      <c r="F1053" s="80"/>
      <c r="G1053" s="214"/>
      <c r="H1053" s="96"/>
      <c r="I1053" s="110"/>
      <c r="J1053" s="123"/>
      <c r="K1053" s="65"/>
      <c r="L1053" s="67"/>
      <c r="M1053" s="65"/>
    </row>
    <row r="1054" spans="2:13" s="70" customFormat="1" ht="16.149999999999999" customHeight="1">
      <c r="B1054" s="74"/>
      <c r="C1054" s="81"/>
      <c r="D1054" s="81"/>
      <c r="E1054" s="85"/>
      <c r="F1054" s="90"/>
      <c r="G1054" s="213"/>
      <c r="H1054" s="99"/>
      <c r="I1054" s="106"/>
      <c r="J1054" s="123"/>
      <c r="K1054" s="65"/>
      <c r="L1054" s="67"/>
      <c r="M1054" s="65"/>
    </row>
    <row r="1055" spans="2:13" s="70" customFormat="1" ht="16.149999999999999" customHeight="1">
      <c r="B1055" s="75" t="s">
        <v>41</v>
      </c>
      <c r="C1055" s="80"/>
      <c r="D1055" s="80"/>
      <c r="E1055" s="84"/>
      <c r="F1055" s="80"/>
      <c r="G1055" s="214"/>
      <c r="H1055" s="96"/>
      <c r="I1055" s="110"/>
      <c r="J1055" s="124"/>
      <c r="K1055" s="65"/>
      <c r="L1055" s="67"/>
      <c r="M1055" s="65"/>
    </row>
    <row r="1056" spans="2:13" s="70" customFormat="1" ht="16.149999999999999" customHeight="1">
      <c r="B1056" s="74"/>
      <c r="C1056" s="81"/>
      <c r="D1056" s="81"/>
      <c r="E1056" s="85"/>
      <c r="F1056" s="90"/>
      <c r="G1056" s="213"/>
      <c r="H1056" s="99"/>
      <c r="I1056" s="106"/>
      <c r="J1056" s="125"/>
      <c r="K1056" s="65"/>
      <c r="L1056" s="67"/>
      <c r="M1056" s="65"/>
    </row>
  </sheetData>
  <mergeCells count="133">
    <mergeCell ref="C3:D3"/>
    <mergeCell ref="I3:J3"/>
    <mergeCell ref="C36:D36"/>
    <mergeCell ref="I36:J36"/>
    <mergeCell ref="C69:D69"/>
    <mergeCell ref="I69:J69"/>
    <mergeCell ref="I70:J70"/>
    <mergeCell ref="I71:J71"/>
    <mergeCell ref="I76:J76"/>
    <mergeCell ref="I77:J77"/>
    <mergeCell ref="I80:J80"/>
    <mergeCell ref="I81:J81"/>
    <mergeCell ref="I86:J86"/>
    <mergeCell ref="I87:J87"/>
    <mergeCell ref="I90:J90"/>
    <mergeCell ref="I91:J91"/>
    <mergeCell ref="I94:J94"/>
    <mergeCell ref="I95:J95"/>
    <mergeCell ref="I96:J96"/>
    <mergeCell ref="I97:J97"/>
    <mergeCell ref="C102:D102"/>
    <mergeCell ref="I102:J102"/>
    <mergeCell ref="I109:J109"/>
    <mergeCell ref="I110:J110"/>
    <mergeCell ref="I113:J113"/>
    <mergeCell ref="I114:J114"/>
    <mergeCell ref="I127:J127"/>
    <mergeCell ref="I128:J128"/>
    <mergeCell ref="I131:J131"/>
    <mergeCell ref="I132:J132"/>
    <mergeCell ref="C135:D135"/>
    <mergeCell ref="I135:J135"/>
    <mergeCell ref="I136:J136"/>
    <mergeCell ref="I137:J137"/>
    <mergeCell ref="C168:D168"/>
    <mergeCell ref="I168:J168"/>
    <mergeCell ref="C201:D201"/>
    <mergeCell ref="I201:J201"/>
    <mergeCell ref="I204:J204"/>
    <mergeCell ref="I210:J210"/>
    <mergeCell ref="I220:J220"/>
    <mergeCell ref="I226:J226"/>
    <mergeCell ref="C234:D234"/>
    <mergeCell ref="I234:J234"/>
    <mergeCell ref="I239:J239"/>
    <mergeCell ref="I245:J245"/>
    <mergeCell ref="I251:J251"/>
    <mergeCell ref="I257:J257"/>
    <mergeCell ref="I263:J263"/>
    <mergeCell ref="C267:D267"/>
    <mergeCell ref="I267:J267"/>
    <mergeCell ref="I276:J276"/>
    <mergeCell ref="I282:J282"/>
    <mergeCell ref="I294:J294"/>
    <mergeCell ref="C300:D300"/>
    <mergeCell ref="I300:J300"/>
    <mergeCell ref="I303:J303"/>
    <mergeCell ref="I315:J315"/>
    <mergeCell ref="I321:J321"/>
    <mergeCell ref="I327:J327"/>
    <mergeCell ref="C333:D333"/>
    <mergeCell ref="I333:J333"/>
    <mergeCell ref="I342:J342"/>
    <mergeCell ref="C366:D366"/>
    <mergeCell ref="I366:J366"/>
    <mergeCell ref="C399:D399"/>
    <mergeCell ref="I399:J399"/>
    <mergeCell ref="I402:J402"/>
    <mergeCell ref="I404:J404"/>
    <mergeCell ref="I406:J406"/>
    <mergeCell ref="I408:J408"/>
    <mergeCell ref="I410:J410"/>
    <mergeCell ref="I412:J412"/>
    <mergeCell ref="I420:J420"/>
    <mergeCell ref="C432:D432"/>
    <mergeCell ref="I432:J432"/>
    <mergeCell ref="I435:J435"/>
    <mergeCell ref="I437:J437"/>
    <mergeCell ref="I439:J439"/>
    <mergeCell ref="I443:J443"/>
    <mergeCell ref="I449:J449"/>
    <mergeCell ref="I451:J451"/>
    <mergeCell ref="I457:J457"/>
    <mergeCell ref="I461:J461"/>
    <mergeCell ref="C465:D465"/>
    <mergeCell ref="I465:J465"/>
    <mergeCell ref="I470:J470"/>
    <mergeCell ref="I472:J472"/>
    <mergeCell ref="I476:J476"/>
    <mergeCell ref="C498:D498"/>
    <mergeCell ref="I498:J498"/>
    <mergeCell ref="C531:D531"/>
    <mergeCell ref="I531:J531"/>
    <mergeCell ref="C564:D564"/>
    <mergeCell ref="I564:J564"/>
    <mergeCell ref="C597:D597"/>
    <mergeCell ref="I597:J597"/>
    <mergeCell ref="C630:D630"/>
    <mergeCell ref="I630:J630"/>
    <mergeCell ref="C663:D663"/>
    <mergeCell ref="I663:J663"/>
    <mergeCell ref="C696:D696"/>
    <mergeCell ref="I696:J696"/>
    <mergeCell ref="C729:D729"/>
    <mergeCell ref="I729:J729"/>
    <mergeCell ref="C762:D762"/>
    <mergeCell ref="I762:J762"/>
    <mergeCell ref="C795:D795"/>
    <mergeCell ref="I795:J795"/>
    <mergeCell ref="C828:D828"/>
    <mergeCell ref="I828:J828"/>
    <mergeCell ref="C861:D861"/>
    <mergeCell ref="I861:J861"/>
    <mergeCell ref="I894:J894"/>
    <mergeCell ref="C927:D927"/>
    <mergeCell ref="I927:J927"/>
    <mergeCell ref="C960:D960"/>
    <mergeCell ref="I960:J960"/>
    <mergeCell ref="C993:D993"/>
    <mergeCell ref="I993:J993"/>
    <mergeCell ref="C1026:D1026"/>
    <mergeCell ref="I1026:J1026"/>
    <mergeCell ref="D76:D77"/>
    <mergeCell ref="D86:D87"/>
    <mergeCell ref="D103:D104"/>
    <mergeCell ref="D109:D110"/>
    <mergeCell ref="D121:D122"/>
    <mergeCell ref="D127:D128"/>
    <mergeCell ref="D643:D644"/>
    <mergeCell ref="D645:D646"/>
    <mergeCell ref="D647:D648"/>
    <mergeCell ref="D649:D650"/>
    <mergeCell ref="D750:D751"/>
  </mergeCells>
  <phoneticPr fontId="30"/>
  <conditionalFormatting sqref="C175:C178">
    <cfRule type="duplicateValues" dxfId="121" priority="167"/>
  </conditionalFormatting>
  <conditionalFormatting sqref="C183:C184">
    <cfRule type="duplicateValues" dxfId="120" priority="165"/>
  </conditionalFormatting>
  <conditionalFormatting sqref="C206:C209">
    <cfRule type="duplicateValues" dxfId="119" priority="163"/>
  </conditionalFormatting>
  <conditionalFormatting sqref="C204">
    <cfRule type="duplicateValues" dxfId="118" priority="162"/>
  </conditionalFormatting>
  <conditionalFormatting sqref="C212:C215">
    <cfRule type="duplicateValues" dxfId="117" priority="161"/>
  </conditionalFormatting>
  <conditionalFormatting sqref="C212">
    <cfRule type="duplicateValues" dxfId="116" priority="160"/>
  </conditionalFormatting>
  <conditionalFormatting sqref="C210">
    <cfRule type="duplicateValues" dxfId="115" priority="159"/>
  </conditionalFormatting>
  <conditionalFormatting sqref="C222:C225">
    <cfRule type="duplicateValues" dxfId="114" priority="158"/>
  </conditionalFormatting>
  <conditionalFormatting sqref="C220">
    <cfRule type="duplicateValues" dxfId="113" priority="157"/>
  </conditionalFormatting>
  <conditionalFormatting sqref="C228:C231">
    <cfRule type="duplicateValues" dxfId="112" priority="156"/>
  </conditionalFormatting>
  <conditionalFormatting sqref="C226">
    <cfRule type="duplicateValues" dxfId="111" priority="155"/>
  </conditionalFormatting>
  <conditionalFormatting sqref="C241:C244">
    <cfRule type="duplicateValues" dxfId="110" priority="154"/>
  </conditionalFormatting>
  <conditionalFormatting sqref="C239">
    <cfRule type="duplicateValues" dxfId="109" priority="153"/>
  </conditionalFormatting>
  <conditionalFormatting sqref="C247:C250">
    <cfRule type="duplicateValues" dxfId="108" priority="142"/>
  </conditionalFormatting>
  <conditionalFormatting sqref="C245">
    <cfRule type="duplicateValues" dxfId="107" priority="141"/>
  </conditionalFormatting>
  <conditionalFormatting sqref="C253:C256">
    <cfRule type="duplicateValues" dxfId="106" priority="140"/>
  </conditionalFormatting>
  <conditionalFormatting sqref="C251">
    <cfRule type="duplicateValues" dxfId="105" priority="139"/>
  </conditionalFormatting>
  <conditionalFormatting sqref="C259:C262">
    <cfRule type="duplicateValues" dxfId="104" priority="136"/>
  </conditionalFormatting>
  <conditionalFormatting sqref="C257">
    <cfRule type="duplicateValues" dxfId="103" priority="135"/>
  </conditionalFormatting>
  <conditionalFormatting sqref="C263">
    <cfRule type="duplicateValues" dxfId="102" priority="134"/>
  </conditionalFormatting>
  <conditionalFormatting sqref="C268:C271">
    <cfRule type="duplicateValues" dxfId="101" priority="133"/>
  </conditionalFormatting>
  <conditionalFormatting sqref="C278:C283">
    <cfRule type="duplicateValues" dxfId="100" priority="132"/>
  </conditionalFormatting>
  <conditionalFormatting sqref="C278">
    <cfRule type="duplicateValues" dxfId="99" priority="131"/>
  </conditionalFormatting>
  <conditionalFormatting sqref="C284:C289">
    <cfRule type="duplicateValues" dxfId="98" priority="130"/>
  </conditionalFormatting>
  <conditionalFormatting sqref="C284">
    <cfRule type="duplicateValues" dxfId="97" priority="129"/>
  </conditionalFormatting>
  <conditionalFormatting sqref="C276">
    <cfRule type="duplicateValues" dxfId="96" priority="128"/>
  </conditionalFormatting>
  <conditionalFormatting sqref="C282">
    <cfRule type="duplicateValues" dxfId="95" priority="127"/>
  </conditionalFormatting>
  <conditionalFormatting sqref="D303:D306">
    <cfRule type="duplicateValues" dxfId="94" priority="126"/>
  </conditionalFormatting>
  <conditionalFormatting sqref="D303">
    <cfRule type="duplicateValues" dxfId="93" priority="125"/>
  </conditionalFormatting>
  <conditionalFormatting sqref="D301">
    <cfRule type="duplicateValues" dxfId="92" priority="124"/>
  </conditionalFormatting>
  <conditionalFormatting sqref="C296:C297">
    <cfRule type="duplicateValues" dxfId="91" priority="123"/>
  </conditionalFormatting>
  <conditionalFormatting sqref="C296">
    <cfRule type="duplicateValues" dxfId="90" priority="122"/>
  </conditionalFormatting>
  <conditionalFormatting sqref="C294">
    <cfRule type="duplicateValues" dxfId="89" priority="121"/>
  </conditionalFormatting>
  <conditionalFormatting sqref="C301:C302">
    <cfRule type="duplicateValues" dxfId="88" priority="120"/>
  </conditionalFormatting>
  <conditionalFormatting sqref="C303:C304">
    <cfRule type="duplicateValues" dxfId="87" priority="119"/>
  </conditionalFormatting>
  <conditionalFormatting sqref="C305:C310">
    <cfRule type="duplicateValues" dxfId="86" priority="118"/>
  </conditionalFormatting>
  <conditionalFormatting sqref="C305">
    <cfRule type="duplicateValues" dxfId="85" priority="117"/>
  </conditionalFormatting>
  <conditionalFormatting sqref="C303">
    <cfRule type="duplicateValues" dxfId="84" priority="116"/>
  </conditionalFormatting>
  <conditionalFormatting sqref="D315:D318">
    <cfRule type="duplicateValues" dxfId="83" priority="115"/>
  </conditionalFormatting>
  <conditionalFormatting sqref="D315">
    <cfRule type="duplicateValues" dxfId="82" priority="114"/>
  </conditionalFormatting>
  <conditionalFormatting sqref="C315:C316">
    <cfRule type="duplicateValues" dxfId="81" priority="113"/>
  </conditionalFormatting>
  <conditionalFormatting sqref="C317:C320">
    <cfRule type="duplicateValues" dxfId="80" priority="112"/>
  </conditionalFormatting>
  <conditionalFormatting sqref="C317">
    <cfRule type="duplicateValues" dxfId="79" priority="111"/>
  </conditionalFormatting>
  <conditionalFormatting sqref="C315">
    <cfRule type="duplicateValues" dxfId="78" priority="110"/>
  </conditionalFormatting>
  <conditionalFormatting sqref="D321:D324">
    <cfRule type="duplicateValues" dxfId="77" priority="109"/>
  </conditionalFormatting>
  <conditionalFormatting sqref="D321">
    <cfRule type="duplicateValues" dxfId="76" priority="108"/>
  </conditionalFormatting>
  <conditionalFormatting sqref="C321:C322">
    <cfRule type="duplicateValues" dxfId="75" priority="107"/>
  </conditionalFormatting>
  <conditionalFormatting sqref="C323:C326">
    <cfRule type="duplicateValues" dxfId="74" priority="106"/>
  </conditionalFormatting>
  <conditionalFormatting sqref="C323">
    <cfRule type="duplicateValues" dxfId="73" priority="105"/>
  </conditionalFormatting>
  <conditionalFormatting sqref="C321">
    <cfRule type="duplicateValues" dxfId="72" priority="104"/>
  </conditionalFormatting>
  <conditionalFormatting sqref="C327:C328">
    <cfRule type="duplicateValues" dxfId="71" priority="103"/>
  </conditionalFormatting>
  <conditionalFormatting sqref="C329:C330">
    <cfRule type="duplicateValues" dxfId="70" priority="102"/>
  </conditionalFormatting>
  <conditionalFormatting sqref="C329">
    <cfRule type="duplicateValues" dxfId="69" priority="101"/>
  </conditionalFormatting>
  <conditionalFormatting sqref="C327">
    <cfRule type="duplicateValues" dxfId="68" priority="100"/>
  </conditionalFormatting>
  <conditionalFormatting sqref="C334:C335">
    <cfRule type="duplicateValues" dxfId="67" priority="99"/>
  </conditionalFormatting>
  <conditionalFormatting sqref="C336:C337">
    <cfRule type="duplicateValues" dxfId="66" priority="98"/>
  </conditionalFormatting>
  <conditionalFormatting sqref="E340:E343">
    <cfRule type="duplicateValues" dxfId="65" priority="97"/>
  </conditionalFormatting>
  <conditionalFormatting sqref="E340">
    <cfRule type="duplicateValues" dxfId="64" priority="96"/>
  </conditionalFormatting>
  <conditionalFormatting sqref="D340:D341">
    <cfRule type="duplicateValues" dxfId="63" priority="95"/>
  </conditionalFormatting>
  <conditionalFormatting sqref="D342:D345">
    <cfRule type="duplicateValues" dxfId="62" priority="94"/>
  </conditionalFormatting>
  <conditionalFormatting sqref="D342">
    <cfRule type="duplicateValues" dxfId="61" priority="93"/>
  </conditionalFormatting>
  <conditionalFormatting sqref="D340">
    <cfRule type="duplicateValues" dxfId="60" priority="92"/>
  </conditionalFormatting>
  <conditionalFormatting sqref="D342:D345">
    <cfRule type="duplicateValues" dxfId="59" priority="91"/>
  </conditionalFormatting>
  <conditionalFormatting sqref="D342">
    <cfRule type="duplicateValues" dxfId="58" priority="90"/>
  </conditionalFormatting>
  <conditionalFormatting sqref="C342:C343">
    <cfRule type="duplicateValues" dxfId="57" priority="89"/>
  </conditionalFormatting>
  <conditionalFormatting sqref="C344:C347">
    <cfRule type="duplicateValues" dxfId="56" priority="88"/>
  </conditionalFormatting>
  <conditionalFormatting sqref="C344">
    <cfRule type="duplicateValues" dxfId="55" priority="87"/>
  </conditionalFormatting>
  <conditionalFormatting sqref="C342">
    <cfRule type="duplicateValues" dxfId="54" priority="86"/>
  </conditionalFormatting>
  <conditionalFormatting sqref="C348:C349">
    <cfRule type="duplicateValues" dxfId="53" priority="83"/>
  </conditionalFormatting>
  <conditionalFormatting sqref="C406:C407">
    <cfRule type="duplicateValues" dxfId="52" priority="82"/>
  </conditionalFormatting>
  <conditionalFormatting sqref="C408:C409">
    <cfRule type="duplicateValues" dxfId="51" priority="81"/>
  </conditionalFormatting>
  <conditionalFormatting sqref="C410:C411">
    <cfRule type="duplicateValues" dxfId="50" priority="80"/>
  </conditionalFormatting>
  <conditionalFormatting sqref="C480:C481">
    <cfRule type="duplicateValues" dxfId="49" priority="58"/>
  </conditionalFormatting>
  <conditionalFormatting sqref="C482:C483">
    <cfRule type="duplicateValues" dxfId="48" priority="57"/>
  </conditionalFormatting>
  <conditionalFormatting sqref="C410:C411">
    <cfRule type="duplicateValues" dxfId="47" priority="52"/>
  </conditionalFormatting>
  <conditionalFormatting sqref="C412:C413">
    <cfRule type="duplicateValues" dxfId="46" priority="51"/>
  </conditionalFormatting>
  <conditionalFormatting sqref="C414:C415">
    <cfRule type="duplicateValues" dxfId="45" priority="49"/>
  </conditionalFormatting>
  <conditionalFormatting sqref="C420:C421">
    <cfRule type="duplicateValues" dxfId="44" priority="48"/>
  </conditionalFormatting>
  <conditionalFormatting sqref="C418:C419">
    <cfRule type="duplicateValues" dxfId="43" priority="47"/>
  </conditionalFormatting>
  <conditionalFormatting sqref="C420:C421">
    <cfRule type="duplicateValues" dxfId="42" priority="46"/>
  </conditionalFormatting>
  <conditionalFormatting sqref="C422:C423">
    <cfRule type="duplicateValues" dxfId="41" priority="45"/>
  </conditionalFormatting>
  <conditionalFormatting sqref="C422:C423">
    <cfRule type="duplicateValues" dxfId="40" priority="44"/>
  </conditionalFormatting>
  <conditionalFormatting sqref="C424:C427">
    <cfRule type="duplicateValues" dxfId="39" priority="43"/>
  </conditionalFormatting>
  <conditionalFormatting sqref="C503:C504">
    <cfRule type="duplicateValues" dxfId="38" priority="42"/>
  </conditionalFormatting>
  <conditionalFormatting sqref="C505:C506">
    <cfRule type="duplicateValues" dxfId="37" priority="41"/>
  </conditionalFormatting>
  <conditionalFormatting sqref="C507:C508">
    <cfRule type="duplicateValues" dxfId="36" priority="40"/>
  </conditionalFormatting>
  <conditionalFormatting sqref="C511:C512">
    <cfRule type="duplicateValues" dxfId="35" priority="39"/>
  </conditionalFormatting>
  <conditionalFormatting sqref="C513:C514">
    <cfRule type="duplicateValues" dxfId="34" priority="38"/>
  </conditionalFormatting>
  <conditionalFormatting sqref="C412:C413">
    <cfRule type="duplicateValues" dxfId="33" priority="37"/>
  </conditionalFormatting>
  <conditionalFormatting sqref="C414:C415">
    <cfRule type="duplicateValues" dxfId="32" priority="36"/>
  </conditionalFormatting>
  <conditionalFormatting sqref="C412:C413">
    <cfRule type="duplicateValues" dxfId="31" priority="35"/>
  </conditionalFormatting>
  <conditionalFormatting sqref="C414:C415">
    <cfRule type="duplicateValues" dxfId="30" priority="33"/>
  </conditionalFormatting>
  <conditionalFormatting sqref="C435:C436">
    <cfRule type="duplicateValues" dxfId="29" priority="32"/>
  </conditionalFormatting>
  <conditionalFormatting sqref="C437:C438">
    <cfRule type="duplicateValues" dxfId="28" priority="31"/>
  </conditionalFormatting>
  <conditionalFormatting sqref="C439:C440">
    <cfRule type="duplicateValues" dxfId="27" priority="30"/>
  </conditionalFormatting>
  <conditionalFormatting sqref="C441:C442">
    <cfRule type="duplicateValues" dxfId="26" priority="29"/>
  </conditionalFormatting>
  <conditionalFormatting sqref="C443:C444">
    <cfRule type="duplicateValues" dxfId="25" priority="28"/>
  </conditionalFormatting>
  <conditionalFormatting sqref="C443:C444">
    <cfRule type="duplicateValues" dxfId="24" priority="27"/>
  </conditionalFormatting>
  <conditionalFormatting sqref="C445:C446">
    <cfRule type="duplicateValues" dxfId="23" priority="26"/>
  </conditionalFormatting>
  <conditionalFormatting sqref="C449:C450">
    <cfRule type="duplicateValues" dxfId="22" priority="25"/>
  </conditionalFormatting>
  <conditionalFormatting sqref="C451:C452">
    <cfRule type="duplicateValues" dxfId="21" priority="24"/>
  </conditionalFormatting>
  <conditionalFormatting sqref="C457:C458">
    <cfRule type="duplicateValues" dxfId="20" priority="22"/>
  </conditionalFormatting>
  <conditionalFormatting sqref="C459:C460">
    <cfRule type="duplicateValues" dxfId="19" priority="21"/>
  </conditionalFormatting>
  <conditionalFormatting sqref="C461:C462">
    <cfRule type="duplicateValues" dxfId="18" priority="20"/>
  </conditionalFormatting>
  <conditionalFormatting sqref="C461:C462">
    <cfRule type="duplicateValues" dxfId="17" priority="19"/>
  </conditionalFormatting>
  <conditionalFormatting sqref="C470:C471">
    <cfRule type="duplicateValues" dxfId="16" priority="17"/>
  </conditionalFormatting>
  <conditionalFormatting sqref="C472:C473">
    <cfRule type="duplicateValues" dxfId="15" priority="16"/>
  </conditionalFormatting>
  <conditionalFormatting sqref="C474:C475">
    <cfRule type="duplicateValues" dxfId="14" priority="15"/>
  </conditionalFormatting>
  <conditionalFormatting sqref="C476:C477">
    <cfRule type="duplicateValues" dxfId="13" priority="14"/>
  </conditionalFormatting>
  <conditionalFormatting sqref="C476:C477">
    <cfRule type="duplicateValues" dxfId="12" priority="13"/>
  </conditionalFormatting>
  <conditionalFormatting sqref="C478:C479">
    <cfRule type="duplicateValues" dxfId="11" priority="12"/>
  </conditionalFormatting>
  <conditionalFormatting sqref="C546:C547">
    <cfRule type="duplicateValues" dxfId="10" priority="11"/>
  </conditionalFormatting>
  <conditionalFormatting sqref="C556:C557">
    <cfRule type="duplicateValues" dxfId="9" priority="10"/>
  </conditionalFormatting>
  <conditionalFormatting sqref="C604:C605">
    <cfRule type="duplicateValues" dxfId="8" priority="9"/>
  </conditionalFormatting>
  <conditionalFormatting sqref="C612:C615">
    <cfRule type="duplicateValues" dxfId="7" priority="8"/>
  </conditionalFormatting>
  <conditionalFormatting sqref="C606:C607">
    <cfRule type="duplicateValues" dxfId="6" priority="7"/>
  </conditionalFormatting>
  <conditionalFormatting sqref="C616:C617">
    <cfRule type="duplicateValues" dxfId="5" priority="6"/>
  </conditionalFormatting>
  <conditionalFormatting sqref="C181:C182">
    <cfRule type="duplicateValues" dxfId="4" priority="5"/>
  </conditionalFormatting>
  <conditionalFormatting sqref="C416:C417">
    <cfRule type="duplicateValues" dxfId="3" priority="4"/>
  </conditionalFormatting>
  <conditionalFormatting sqref="C453:C454">
    <cfRule type="duplicateValues" dxfId="2" priority="3"/>
  </conditionalFormatting>
  <conditionalFormatting sqref="C455:C456">
    <cfRule type="duplicateValues" dxfId="1" priority="2"/>
  </conditionalFormatting>
  <conditionalFormatting sqref="C466:C467">
    <cfRule type="duplicateValues" dxfId="0" priority="1"/>
  </conditionalFormatting>
  <dataValidations count="1">
    <dataValidation imeMode="halfAlpha" allowBlank="1" showDropDown="0" showInputMessage="1" showErrorMessage="1" sqref="B312"/>
  </dataValidations>
  <pageMargins left="0.90551181102362222" right="0.70866141732283472" top="0.74803149606299213" bottom="0.74803149606299213" header="0.31496062992125984" footer="0.31496062992125984"/>
  <pageSetup paperSize="9" scale="95" fitToWidth="1" fitToHeight="1" orientation="landscape" usePrinterDefaults="1" horizontalDpi="300" verticalDpi="300" r:id="rId1"/>
  <headerFooter alignWithMargins="0"/>
  <rowBreaks count="31" manualBreakCount="31">
    <brk id="33" min="1" max="9" man="1"/>
    <brk id="66" min="1" max="9" man="1"/>
    <brk id="99" min="1" max="9" man="1"/>
    <brk id="132" min="1" max="9" man="1"/>
    <brk id="165" min="1" max="9" man="1"/>
    <brk id="198" min="1" max="9" man="1"/>
    <brk id="231" min="1" max="9" man="1"/>
    <brk id="264" min="1" max="9" man="1"/>
    <brk id="297" min="1" max="9" man="1"/>
    <brk id="330" min="1" max="9" man="1"/>
    <brk id="363" min="1" max="9" man="1"/>
    <brk id="396" min="1" max="9" man="1"/>
    <brk id="429" min="1" max="9" man="1"/>
    <brk id="462" min="1" max="9" man="1"/>
    <brk id="495" min="1" max="9" man="1"/>
    <brk id="528" min="1" max="9" man="1"/>
    <brk id="561" min="1" max="9" man="1"/>
    <brk id="594" min="1" max="9" man="1"/>
    <brk id="627" min="1" max="9" man="1"/>
    <brk id="660" min="1" max="9" man="1"/>
    <brk id="693" min="1" max="9" man="1"/>
    <brk id="726" min="1" max="9" man="1"/>
    <brk id="759" min="1" max="9" man="1"/>
    <brk id="792" min="1" max="9" man="1"/>
    <brk id="825" min="1" max="9" man="1"/>
    <brk id="858" min="1" max="9" man="1"/>
    <brk id="891" min="1" max="9" man="1"/>
    <brk id="924" min="1" max="9" man="1"/>
    <brk id="957" min="1" max="9" man="1"/>
    <brk id="990" min="1" max="9" man="1"/>
    <brk id="1023" min="1" max="9" man="1"/>
  </rowBreaks>
  <drawing r:id="rId2"/>
</worksheet>
</file>

<file path=docProps/app.xml><?xml version="1.0" encoding="utf-8"?>
<Properties xmlns:vt="http://schemas.openxmlformats.org/officeDocument/2006/docPropsVTypes" xmlns="http://schemas.openxmlformats.org/officeDocument/2006/extended-properties">
  <Application>JUST Calc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表紙</vt:lpstr>
      <vt:lpstr>総括</vt:lpstr>
      <vt:lpstr xml:space="preserve">科目 </vt:lpstr>
      <vt:lpstr>細目</vt:lpstr>
    </vt:vector>
  </TitlesOfParts>
  <LinksUpToDate>false</LinksUpToDate>
  <SharedDoc>false</SharedDoc>
  <HyperlinksChanged>false</HyperlinksChanged>
  <AppVersion>4.1.2</AppVersion>
</Properties>
</file>

<file path=docProps/core.xml><?xml version="1.0" encoding="utf-8"?>
<cp:coreProperties xmlns:dc="http://purl.org/dc/elements/1.1/" xmlns:dcterms="http://purl.org/dc/terms/" xmlns:dcmitype="http://purl.org/dc/dcmitype/" xmlns:xsi="http://www.w3.org/2001/XMLSchema-instance" xmlns:cp="http://schemas.openxmlformats.org/package/2006/metadata/core-properties">
  <cp:lastModifiedBy>admin</cp:lastModifiedBy>
  <cp:lastPrinted>2019-12-09T09:37:04Z</cp:lastPrinted>
  <dcterms:created xsi:type="dcterms:W3CDTF">2011-09-23T02:28:57Z</dcterms:created>
  <dcterms:modified xsi:type="dcterms:W3CDTF">2019-12-19T08:47:07Z</dcterms:modified>
</cp:coreProperties>
</file>

<file path=docProps/custom.xml><?xml version="1.0" encoding="utf-8"?>
<Properties xmlns:vt="http://schemas.openxmlformats.org/officeDocument/2006/docPropsVTypes" xmlns="http://schemas.openxmlformats.org/officeDocument/2006/custom-properties">
  <property fmtid="{DCFEDD21-7773-49B2-8022-6FC58DB5260B}" pid="2" name="SavedVersions">
    <vt:vector size="1" baseType="lpwstr">
      <vt:lpwstr>3.1.2.0</vt:lpwstr>
    </vt:vector>
  </property>
  <property fmtid="{DCFEDD21-7773-49B2-8022-6FC58DB5260B}" pid="3" name="LastSavedVersion">
    <vt:lpwstr>3.1.2.0</vt:lpwstr>
  </property>
  <property fmtid="{DCFEDD21-7773-49B2-8022-6FC58DB5260B}" pid="4" name="LastSavedDate">
    <vt:filetime>2019-12-19T08:47:07Z</vt:filetime>
  </property>
</Properties>
</file>